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2103\03_決算国費G\K 決算関係（R7)\K01 決算・決特（R7）\23 ＨＰ公開\01データ準備\"/>
    </mc:Choice>
  </mc:AlternateContent>
  <xr:revisionPtr revIDLastSave="0" documentId="13_ncr:1_{CAC3D381-C991-41EC-B8EB-3D0285869BC1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01一般会計 (歳入)" sheetId="17" r:id="rId1"/>
    <sheet name="01一般会計（歳出）" sheetId="1" r:id="rId2"/>
  </sheets>
  <externalReferences>
    <externalReference r:id="rId3"/>
  </externalReferences>
  <definedNames>
    <definedName name="Par_位表記雛形">#REF!</definedName>
    <definedName name="Par_単位表記雛形">#REF!</definedName>
    <definedName name="_xlnm.Print_Area" localSheetId="0">'01一般会計 (歳入)'!$A$1:$M$96</definedName>
    <definedName name="_xlnm.Print_Area" localSheetId="1">'01一般会計（歳出）'!$A$1:$N$1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81" uniqueCount="720">
  <si>
    <t/>
  </si>
  <si>
    <t>款</t>
    <rPh sb="0" eb="1">
      <t>カン</t>
    </rPh>
    <phoneticPr fontId="6"/>
  </si>
  <si>
    <t>項</t>
    <rPh sb="0" eb="1">
      <t>コウ</t>
    </rPh>
    <phoneticPr fontId="6"/>
  </si>
  <si>
    <t>予算現額</t>
    <rPh sb="0" eb="2">
      <t>ヨサン</t>
    </rPh>
    <rPh sb="2" eb="3">
      <t>ゲン</t>
    </rPh>
    <rPh sb="3" eb="4">
      <t>ガク</t>
    </rPh>
    <phoneticPr fontId="6"/>
  </si>
  <si>
    <t>支出済額</t>
    <rPh sb="0" eb="2">
      <t>シシュツ</t>
    </rPh>
    <rPh sb="2" eb="3">
      <t>スミ</t>
    </rPh>
    <rPh sb="3" eb="4">
      <t>ガク</t>
    </rPh>
    <phoneticPr fontId="6"/>
  </si>
  <si>
    <t>翌年度繰越額</t>
    <rPh sb="0" eb="1">
      <t>ヨク</t>
    </rPh>
    <rPh sb="1" eb="3">
      <t>ネンド</t>
    </rPh>
    <rPh sb="3" eb="5">
      <t>クリコシ</t>
    </rPh>
    <rPh sb="5" eb="6">
      <t>ガク</t>
    </rPh>
    <phoneticPr fontId="6"/>
  </si>
  <si>
    <t>不用額</t>
    <rPh sb="0" eb="2">
      <t>フヨウ</t>
    </rPh>
    <rPh sb="2" eb="3">
      <t>ガク</t>
    </rPh>
    <phoneticPr fontId="6"/>
  </si>
  <si>
    <t>予算現額と
支出済額との
比較</t>
    <rPh sb="0" eb="2">
      <t>ヨサン</t>
    </rPh>
    <rPh sb="2" eb="3">
      <t>ゲン</t>
    </rPh>
    <rPh sb="3" eb="4">
      <t>ガク</t>
    </rPh>
    <rPh sb="6" eb="8">
      <t>シシュツ</t>
    </rPh>
    <rPh sb="8" eb="9">
      <t>ズミ</t>
    </rPh>
    <rPh sb="9" eb="10">
      <t>ガク</t>
    </rPh>
    <rPh sb="13" eb="15">
      <t>ヒカク</t>
    </rPh>
    <phoneticPr fontId="6"/>
  </si>
  <si>
    <t>円</t>
    <rPh sb="0" eb="1">
      <t>エン</t>
    </rPh>
    <phoneticPr fontId="6"/>
  </si>
  <si>
    <t>歳出合計</t>
    <rPh sb="0" eb="2">
      <t>サイシュツ</t>
    </rPh>
    <rPh sb="2" eb="4">
      <t>ゴウケイ</t>
    </rPh>
    <phoneticPr fontId="6"/>
  </si>
  <si>
    <t>　歳　　出</t>
  </si>
  <si>
    <t xml:space="preserve"> 1</t>
  </si>
  <si>
    <t>議会費</t>
  </si>
  <si>
    <t>3,690,994,000</t>
  </si>
  <si>
    <t>3,549,222,745</t>
  </si>
  <si>
    <t>0</t>
  </si>
  <si>
    <t>141,771,255</t>
  </si>
  <si>
    <t xml:space="preserve"> 2</t>
  </si>
  <si>
    <t>総務費</t>
  </si>
  <si>
    <t>546,314,574,920</t>
  </si>
  <si>
    <t>532,570,486,619</t>
  </si>
  <si>
    <t>6,611,887,260</t>
  </si>
  <si>
    <t>7,132,201,041</t>
  </si>
  <si>
    <t>13,744,088,301</t>
  </si>
  <si>
    <t>政策費</t>
  </si>
  <si>
    <t>10,212,031,620</t>
  </si>
  <si>
    <t>8,269,986,130</t>
  </si>
  <si>
    <t>760,196,900</t>
  </si>
  <si>
    <t>1,181,848,590</t>
  </si>
  <si>
    <t>1,942,045,490</t>
  </si>
  <si>
    <t>市町村振興費</t>
  </si>
  <si>
    <t>5,596,848,000</t>
  </si>
  <si>
    <t>5,573,824,264</t>
  </si>
  <si>
    <t>23,023,736</t>
  </si>
  <si>
    <t xml:space="preserve"> 3</t>
  </si>
  <si>
    <t>選挙費</t>
  </si>
  <si>
    <t>5,113,771,000</t>
  </si>
  <si>
    <t>4,233,293,781</t>
  </si>
  <si>
    <t>50,000</t>
  </si>
  <si>
    <t>880,427,219</t>
  </si>
  <si>
    <t>880,477,219</t>
  </si>
  <si>
    <t xml:space="preserve"> 4</t>
  </si>
  <si>
    <t>渉外費</t>
  </si>
  <si>
    <t>24,875,000</t>
  </si>
  <si>
    <t>23,803,387</t>
  </si>
  <si>
    <t>1,071,613</t>
  </si>
  <si>
    <t xml:space="preserve"> 5</t>
  </si>
  <si>
    <t>統計調査費</t>
  </si>
  <si>
    <t>492,493,000</t>
  </si>
  <si>
    <t>444,154,935</t>
  </si>
  <si>
    <t>48,338,065</t>
  </si>
  <si>
    <t xml:space="preserve"> 6</t>
  </si>
  <si>
    <t>総務管理費</t>
  </si>
  <si>
    <t>140,498,885,300</t>
  </si>
  <si>
    <t>138,720,291,932</t>
  </si>
  <si>
    <t>276,909,000</t>
  </si>
  <si>
    <t>1,501,684,368</t>
  </si>
  <si>
    <t>1,778,593,368</t>
  </si>
  <si>
    <t xml:space="preserve"> 7</t>
  </si>
  <si>
    <t>徴税費</t>
  </si>
  <si>
    <t>358,051,898,000</t>
  </si>
  <si>
    <t>354,965,930,003</t>
  </si>
  <si>
    <t>1,131,572,000</t>
  </si>
  <si>
    <t>1,954,395,997</t>
  </si>
  <si>
    <t>3,085,967,997</t>
  </si>
  <si>
    <t xml:space="preserve"> 8</t>
  </si>
  <si>
    <t>安全防災費</t>
  </si>
  <si>
    <t>14,119,465,000</t>
  </si>
  <si>
    <t>9,011,345,382</t>
  </si>
  <si>
    <t>4,223,120,000</t>
  </si>
  <si>
    <t>884,999,618</t>
  </si>
  <si>
    <t>5,108,119,618</t>
  </si>
  <si>
    <t xml:space="preserve"> 9</t>
  </si>
  <si>
    <t>10,649,394,000</t>
  </si>
  <si>
    <t>10,067,132,113</t>
  </si>
  <si>
    <t>159,789,360</t>
  </si>
  <si>
    <t>422,472,527</t>
  </si>
  <si>
    <t>582,261,887</t>
  </si>
  <si>
    <t>10</t>
  </si>
  <si>
    <t>青少年費</t>
  </si>
  <si>
    <t>730,759,000</t>
  </si>
  <si>
    <t>503,978,661</t>
  </si>
  <si>
    <t>60,250,000</t>
  </si>
  <si>
    <t>166,530,339</t>
  </si>
  <si>
    <t>226,780,339</t>
  </si>
  <si>
    <t>11</t>
  </si>
  <si>
    <t>人事委員会費</t>
  </si>
  <si>
    <t>394,341,000</t>
  </si>
  <si>
    <t>361,142,443</t>
  </si>
  <si>
    <t>33,198,557</t>
  </si>
  <si>
    <t>12</t>
  </si>
  <si>
    <t>監査委員費</t>
  </si>
  <si>
    <t>429,814,000</t>
  </si>
  <si>
    <t>395,603,588</t>
  </si>
  <si>
    <t>34,210,412</t>
  </si>
  <si>
    <t>環境費</t>
  </si>
  <si>
    <t>15,178,565,015</t>
  </si>
  <si>
    <t>13,120,662,560</t>
  </si>
  <si>
    <t>1,273,469,383</t>
  </si>
  <si>
    <t>784,433,072</t>
  </si>
  <si>
    <t>2,057,902,455</t>
  </si>
  <si>
    <t>環境管理費</t>
  </si>
  <si>
    <t>12,829,125,000</t>
  </si>
  <si>
    <t>11,156,594,136</t>
  </si>
  <si>
    <t>1,041,031,000</t>
  </si>
  <si>
    <t>631,499,864</t>
  </si>
  <si>
    <t>1,672,530,864</t>
  </si>
  <si>
    <t>928,130,000</t>
  </si>
  <si>
    <t>837,885,086</t>
  </si>
  <si>
    <t>40,853,000</t>
  </si>
  <si>
    <t>49,391,914</t>
  </si>
  <si>
    <t>90,244,914</t>
  </si>
  <si>
    <t>自然保護費</t>
  </si>
  <si>
    <t>1,421,310,015</t>
  </si>
  <si>
    <t>1,126,183,338</t>
  </si>
  <si>
    <t>191,585,383</t>
  </si>
  <si>
    <t>103,541,294</t>
  </si>
  <si>
    <t>295,126,677</t>
  </si>
  <si>
    <t>民生費</t>
  </si>
  <si>
    <t>382,949,239,000</t>
  </si>
  <si>
    <t>361,464,808,838</t>
  </si>
  <si>
    <t>12,179,685,562</t>
  </si>
  <si>
    <t>9,304,744,600</t>
  </si>
  <si>
    <t>21,484,430,162</t>
  </si>
  <si>
    <t>社会福祉費</t>
  </si>
  <si>
    <t>17,343,835,000</t>
  </si>
  <si>
    <t>16,991,823,268</t>
  </si>
  <si>
    <t>210,000</t>
  </si>
  <si>
    <t>351,801,732</t>
  </si>
  <si>
    <t>352,011,732</t>
  </si>
  <si>
    <t>障害福祉費</t>
  </si>
  <si>
    <t>92,819,660,000</t>
  </si>
  <si>
    <t>88,403,365,572</t>
  </si>
  <si>
    <t>2,950,513,000</t>
  </si>
  <si>
    <t>1,465,781,428</t>
  </si>
  <si>
    <t>4,416,294,428</t>
  </si>
  <si>
    <t>老人福祉費</t>
  </si>
  <si>
    <t>138,015,801,000</t>
  </si>
  <si>
    <t>127,150,947,418</t>
  </si>
  <si>
    <t>9,140,752,200</t>
  </si>
  <si>
    <t>1,724,101,382</t>
  </si>
  <si>
    <t>10,864,853,582</t>
  </si>
  <si>
    <t>生活保護費</t>
  </si>
  <si>
    <t>13,443,335,000</t>
  </si>
  <si>
    <t>13,037,874,560</t>
  </si>
  <si>
    <t>17,346,000</t>
  </si>
  <si>
    <t>388,114,440</t>
  </si>
  <si>
    <t>405,460,440</t>
  </si>
  <si>
    <t>児童福祉費</t>
  </si>
  <si>
    <t>121,326,608,000</t>
  </si>
  <si>
    <t>115,880,798,020</t>
  </si>
  <si>
    <t>70,864,362</t>
  </si>
  <si>
    <t>5,374,945,618</t>
  </si>
  <si>
    <t>5,445,809,980</t>
  </si>
  <si>
    <t>衛生費</t>
  </si>
  <si>
    <t>257,208,587,761</t>
  </si>
  <si>
    <t>244,803,643,100</t>
  </si>
  <si>
    <t>8,467,407,411</t>
  </si>
  <si>
    <t>3,937,537,250</t>
  </si>
  <si>
    <t>12,404,944,661</t>
  </si>
  <si>
    <t>公衆衛生費</t>
  </si>
  <si>
    <t>40,858,183,000</t>
  </si>
  <si>
    <t>38,410,233,849</t>
  </si>
  <si>
    <t>105,060,858</t>
  </si>
  <si>
    <t>2,342,888,293</t>
  </si>
  <si>
    <t>2,447,949,151</t>
  </si>
  <si>
    <t>環境衛生費</t>
  </si>
  <si>
    <t>943,537,761</t>
  </si>
  <si>
    <t>792,097,989</t>
  </si>
  <si>
    <t>74,317,553</t>
  </si>
  <si>
    <t>77,122,219</t>
  </si>
  <si>
    <t>151,439,772</t>
  </si>
  <si>
    <t>保健所費</t>
  </si>
  <si>
    <t>1,524,294,000</t>
  </si>
  <si>
    <t>498,199,484</t>
  </si>
  <si>
    <t>1,001,264,000</t>
  </si>
  <si>
    <t>24,830,516</t>
  </si>
  <si>
    <t>1,026,094,516</t>
  </si>
  <si>
    <t>医薬費</t>
  </si>
  <si>
    <t>198,731,880,000</t>
  </si>
  <si>
    <t>190,065,087,888</t>
  </si>
  <si>
    <t>7,286,765,000</t>
  </si>
  <si>
    <t>1,380,027,112</t>
  </si>
  <si>
    <t>8,666,792,112</t>
  </si>
  <si>
    <t>病院費</t>
  </si>
  <si>
    <t>15,150,693,000</t>
  </si>
  <si>
    <t>15,038,023,890</t>
  </si>
  <si>
    <t>112,669,110</t>
  </si>
  <si>
    <t>労働費</t>
  </si>
  <si>
    <t>7,395,910,000</t>
  </si>
  <si>
    <t>6,732,023,210</t>
  </si>
  <si>
    <t>52,900,000</t>
  </si>
  <si>
    <t>610,986,790</t>
  </si>
  <si>
    <t>663,886,790</t>
  </si>
  <si>
    <t>労政費</t>
  </si>
  <si>
    <t>4,448,297,000</t>
  </si>
  <si>
    <t>4,316,706,638</t>
  </si>
  <si>
    <t>131,590,362</t>
  </si>
  <si>
    <t>職業訓練費</t>
  </si>
  <si>
    <t>2,331,320,000</t>
  </si>
  <si>
    <t>1,842,567,550</t>
  </si>
  <si>
    <t>435,852,450</t>
  </si>
  <si>
    <t>488,752,450</t>
  </si>
  <si>
    <t>雇用対策費</t>
  </si>
  <si>
    <t>364,856,000</t>
  </si>
  <si>
    <t>355,852,148</t>
  </si>
  <si>
    <t>9,003,852</t>
  </si>
  <si>
    <t>労働委員会費</t>
  </si>
  <si>
    <t>251,437,000</t>
  </si>
  <si>
    <t>216,896,874</t>
  </si>
  <si>
    <t>34,540,126</t>
  </si>
  <si>
    <t>農林水産業費</t>
  </si>
  <si>
    <t>21,437,723,727</t>
  </si>
  <si>
    <t>16,374,104,546</t>
  </si>
  <si>
    <t>4,163,025,567</t>
  </si>
  <si>
    <t>900,593,614</t>
  </si>
  <si>
    <t>5,063,619,181</t>
  </si>
  <si>
    <t>農業費</t>
  </si>
  <si>
    <t>2,707,681,134</t>
  </si>
  <si>
    <t>1,614,524,733</t>
  </si>
  <si>
    <t>665,928,048</t>
  </si>
  <si>
    <t>427,228,353</t>
  </si>
  <si>
    <t>1,093,156,401</t>
  </si>
  <si>
    <t>畜産業費</t>
  </si>
  <si>
    <t>1,201,789,000</t>
  </si>
  <si>
    <t>495,539,907</t>
  </si>
  <si>
    <t>636,644,000</t>
  </si>
  <si>
    <t>69,605,093</t>
  </si>
  <si>
    <t>706,249,093</t>
  </si>
  <si>
    <t>農地費</t>
  </si>
  <si>
    <t>3,781,443,981</t>
  </si>
  <si>
    <t>2,370,536,197</t>
  </si>
  <si>
    <t>1,380,277,969</t>
  </si>
  <si>
    <t>30,629,815</t>
  </si>
  <si>
    <t>1,410,907,784</t>
  </si>
  <si>
    <t>林業費</t>
  </si>
  <si>
    <t>10,297,668,344</t>
  </si>
  <si>
    <t>9,417,948,751</t>
  </si>
  <si>
    <t>713,044,198</t>
  </si>
  <si>
    <t>166,675,395</t>
  </si>
  <si>
    <t>879,719,593</t>
  </si>
  <si>
    <t>水産業費</t>
  </si>
  <si>
    <t>3,449,141,268</t>
  </si>
  <si>
    <t>2,475,554,958</t>
  </si>
  <si>
    <t>767,131,352</t>
  </si>
  <si>
    <t>206,454,958</t>
  </si>
  <si>
    <t>973,586,310</t>
  </si>
  <si>
    <t>商工費</t>
  </si>
  <si>
    <t>25,031,420,302</t>
  </si>
  <si>
    <t>20,300,087,780</t>
  </si>
  <si>
    <t>2,937,205,304</t>
  </si>
  <si>
    <t>1,794,127,218</t>
  </si>
  <si>
    <t>4,731,332,522</t>
  </si>
  <si>
    <t>商工総務費</t>
  </si>
  <si>
    <t>13,427,850,672</t>
  </si>
  <si>
    <t>10,296,594,485</t>
  </si>
  <si>
    <t>2,114,955,304</t>
  </si>
  <si>
    <t>1,016,300,883</t>
  </si>
  <si>
    <t>3,131,256,187</t>
  </si>
  <si>
    <t>工業費</t>
  </si>
  <si>
    <t>6,003,276,000</t>
  </si>
  <si>
    <t>5,946,865,418</t>
  </si>
  <si>
    <t>56,410,582</t>
  </si>
  <si>
    <t>商工金融費</t>
  </si>
  <si>
    <t>5,600,293,630</t>
  </si>
  <si>
    <t>4,056,627,877</t>
  </si>
  <si>
    <t>822,250,000</t>
  </si>
  <si>
    <t>721,415,753</t>
  </si>
  <si>
    <t>1,543,665,753</t>
  </si>
  <si>
    <t>土木費</t>
  </si>
  <si>
    <t>152,850,410,114</t>
  </si>
  <si>
    <t>114,002,300,299</t>
  </si>
  <si>
    <t>37,314,366,854</t>
  </si>
  <si>
    <t>1,533,742,961</t>
  </si>
  <si>
    <t>38,848,109,815</t>
  </si>
  <si>
    <t>土木管理費</t>
  </si>
  <si>
    <t>11,297,551,000</t>
  </si>
  <si>
    <t>10,922,793,186</t>
  </si>
  <si>
    <t>159,107,500</t>
  </si>
  <si>
    <t>215,650,314</t>
  </si>
  <si>
    <t>374,757,814</t>
  </si>
  <si>
    <t>道路橋りょう費</t>
  </si>
  <si>
    <t>57,709,649,224</t>
  </si>
  <si>
    <t>42,956,408,887</t>
  </si>
  <si>
    <t>14,493,168,848</t>
  </si>
  <si>
    <t>260,071,489</t>
  </si>
  <si>
    <t>14,753,240,337</t>
  </si>
  <si>
    <t>河川海岸費</t>
  </si>
  <si>
    <t>46,060,288,997</t>
  </si>
  <si>
    <t>33,102,879,528</t>
  </si>
  <si>
    <t>12,376,235,448</t>
  </si>
  <si>
    <t>581,174,021</t>
  </si>
  <si>
    <t>12,957,409,469</t>
  </si>
  <si>
    <t>砂防費</t>
  </si>
  <si>
    <t>19,068,130,044</t>
  </si>
  <si>
    <t>10,879,947,404</t>
  </si>
  <si>
    <t>8,042,404,335</t>
  </si>
  <si>
    <t>145,778,305</t>
  </si>
  <si>
    <t>8,188,182,640</t>
  </si>
  <si>
    <t>港湾費</t>
  </si>
  <si>
    <t>1,226,399,844</t>
  </si>
  <si>
    <t>888,875,432</t>
  </si>
  <si>
    <t>320,059,122</t>
  </si>
  <si>
    <t>17,465,290</t>
  </si>
  <si>
    <t>337,524,412</t>
  </si>
  <si>
    <t>都市行政費</t>
  </si>
  <si>
    <t>1,797,540,041</t>
  </si>
  <si>
    <t>1,591,729,749</t>
  </si>
  <si>
    <t>85,517,000</t>
  </si>
  <si>
    <t>120,293,292</t>
  </si>
  <si>
    <t>205,810,292</t>
  </si>
  <si>
    <t>都市計画費</t>
  </si>
  <si>
    <t>7,922,944,964</t>
  </si>
  <si>
    <t>6,044,423,685</t>
  </si>
  <si>
    <t>1,837,874,601</t>
  </si>
  <si>
    <t>40,646,678</t>
  </si>
  <si>
    <t>1,878,521,279</t>
  </si>
  <si>
    <t>下水道費</t>
  </si>
  <si>
    <t>2,879,249,000</t>
  </si>
  <si>
    <t>2,731,365,611</t>
  </si>
  <si>
    <t>147,883,389</t>
  </si>
  <si>
    <t>住宅費</t>
  </si>
  <si>
    <t>4,888,657,000</t>
  </si>
  <si>
    <t>4,883,876,817</t>
  </si>
  <si>
    <t>4,780,183</t>
  </si>
  <si>
    <t>警察費</t>
  </si>
  <si>
    <t>214,726,370,662</t>
  </si>
  <si>
    <t>211,078,386,691</t>
  </si>
  <si>
    <t>1,414,606,436</t>
  </si>
  <si>
    <t>2,233,377,535</t>
  </si>
  <si>
    <t>3,647,983,971</t>
  </si>
  <si>
    <t>警察管理費</t>
  </si>
  <si>
    <t>203,469,699,662</t>
  </si>
  <si>
    <t>200,055,940,921</t>
  </si>
  <si>
    <t>1,347,438,016</t>
  </si>
  <si>
    <t>2,066,320,725</t>
  </si>
  <si>
    <t>3,413,758,741</t>
  </si>
  <si>
    <t>警察活動費</t>
  </si>
  <si>
    <t>11,256,671,000</t>
  </si>
  <si>
    <t>11,022,445,770</t>
  </si>
  <si>
    <t>67,168,420</t>
  </si>
  <si>
    <t>167,056,810</t>
  </si>
  <si>
    <t>234,225,230</t>
  </si>
  <si>
    <t>教育費</t>
  </si>
  <si>
    <t>418,921,431,635</t>
  </si>
  <si>
    <t>404,937,171,578</t>
  </si>
  <si>
    <t>4,448,695,939</t>
  </si>
  <si>
    <t>9,535,564,118</t>
  </si>
  <si>
    <t>13,984,260,057</t>
  </si>
  <si>
    <t>教育総務費</t>
  </si>
  <si>
    <t>39,380,955,866</t>
  </si>
  <si>
    <t>36,103,455,944</t>
  </si>
  <si>
    <t>1,574,001,118</t>
  </si>
  <si>
    <t>1,703,498,804</t>
  </si>
  <si>
    <t>3,277,499,922</t>
  </si>
  <si>
    <t>小学校費</t>
  </si>
  <si>
    <t>87,741,291,000</t>
  </si>
  <si>
    <t>86,589,437,642</t>
  </si>
  <si>
    <t>1,151,853,358</t>
  </si>
  <si>
    <t>中学校費</t>
  </si>
  <si>
    <t>52,310,155,000</t>
  </si>
  <si>
    <t>51,388,418,834</t>
  </si>
  <si>
    <t>921,736,166</t>
  </si>
  <si>
    <t>高等学校費</t>
  </si>
  <si>
    <t>123,955,794,969</t>
  </si>
  <si>
    <t>119,165,450,830</t>
  </si>
  <si>
    <t>2,160,492,921</t>
  </si>
  <si>
    <t>2,629,851,218</t>
  </si>
  <si>
    <t>4,790,344,139</t>
  </si>
  <si>
    <t>41,240,384,000</t>
  </si>
  <si>
    <t>39,785,839,935</t>
  </si>
  <si>
    <t>552,896,900</t>
  </si>
  <si>
    <t>901,647,165</t>
  </si>
  <si>
    <t>1,454,544,065</t>
  </si>
  <si>
    <t>社会教育費</t>
  </si>
  <si>
    <t>3,817,309,800</t>
  </si>
  <si>
    <t>3,625,366,070</t>
  </si>
  <si>
    <t>33,604,000</t>
  </si>
  <si>
    <t>158,339,730</t>
  </si>
  <si>
    <t>191,943,730</t>
  </si>
  <si>
    <t>保健体育費</t>
  </si>
  <si>
    <t>568,326,000</t>
  </si>
  <si>
    <t>496,650,652</t>
  </si>
  <si>
    <t>62,648,000</t>
  </si>
  <si>
    <t>9,027,348</t>
  </si>
  <si>
    <t>71,675,348</t>
  </si>
  <si>
    <t>私学振興費</t>
  </si>
  <si>
    <t>65,626,774,000</t>
  </si>
  <si>
    <t>63,546,268,259</t>
  </si>
  <si>
    <t>65,053,000</t>
  </si>
  <si>
    <t>2,015,452,741</t>
  </si>
  <si>
    <t>2,080,505,741</t>
  </si>
  <si>
    <t>大学費</t>
  </si>
  <si>
    <t>4,280,441,000</t>
  </si>
  <si>
    <t>4,236,283,412</t>
  </si>
  <si>
    <t>44,157,588</t>
  </si>
  <si>
    <t>災害復旧費</t>
  </si>
  <si>
    <t>1,009,479,300</t>
  </si>
  <si>
    <t>205,438,119</t>
  </si>
  <si>
    <t>745,387,391</t>
  </si>
  <si>
    <t>58,653,790</t>
  </si>
  <si>
    <t>804,041,181</t>
  </si>
  <si>
    <t>599,820,300</t>
  </si>
  <si>
    <t>94,565,750</t>
  </si>
  <si>
    <t>448,100,760</t>
  </si>
  <si>
    <t>57,153,790</t>
  </si>
  <si>
    <t>505,254,550</t>
  </si>
  <si>
    <t>409,659,000</t>
  </si>
  <si>
    <t>110,872,369</t>
  </si>
  <si>
    <t>297,286,631</t>
  </si>
  <si>
    <t>1,500,000</t>
  </si>
  <si>
    <t>298,786,631</t>
  </si>
  <si>
    <t>13</t>
  </si>
  <si>
    <t>公債費</t>
  </si>
  <si>
    <t>304,369,847,000</t>
  </si>
  <si>
    <t>304,279,779,786</t>
  </si>
  <si>
    <t>90,067,214</t>
  </si>
  <si>
    <t>14</t>
  </si>
  <si>
    <t>諸支出金</t>
  </si>
  <si>
    <t>27,520,000</t>
  </si>
  <si>
    <t>24,296,684</t>
  </si>
  <si>
    <t>3,223,316</t>
  </si>
  <si>
    <t>15</t>
  </si>
  <si>
    <t>予備費</t>
  </si>
  <si>
    <t>1,308,909,000</t>
  </si>
  <si>
    <t>2,352,420,982,436</t>
  </si>
  <si>
    <t>2,233,442,412,555</t>
  </si>
  <si>
    <t>79,608,637,107</t>
  </si>
  <si>
    <t>39,369,932,774</t>
  </si>
  <si>
    <t>118,978,569,881</t>
  </si>
  <si>
    <t>歳入歳出差引残額</t>
  </si>
  <si>
    <t>0円</t>
  </si>
  <si>
    <t>神奈川県知事      黒　　岩　　祐　　治</t>
  </si>
  <si>
    <t>特別支援学校費</t>
    <phoneticPr fontId="1"/>
  </si>
  <si>
    <t>普通財産取得費</t>
    <phoneticPr fontId="1"/>
  </si>
  <si>
    <t>　うち基金繰入額</t>
    <phoneticPr fontId="1"/>
  </si>
  <si>
    <t>43,384,211,128円</t>
    <phoneticPr fontId="1"/>
  </si>
  <si>
    <t>環境保全対策費</t>
    <phoneticPr fontId="1"/>
  </si>
  <si>
    <t>文化スポーツ
観光費</t>
    <phoneticPr fontId="1"/>
  </si>
  <si>
    <t>農林水産施設
災害復旧費</t>
    <phoneticPr fontId="1"/>
  </si>
  <si>
    <t>公共土木施設
災害復旧費</t>
    <phoneticPr fontId="1"/>
  </si>
  <si>
    <t>令和６年度神奈川県一般会計歳入歳出決算書</t>
    <phoneticPr fontId="1"/>
  </si>
  <si>
    <t>　歳　　入</t>
  </si>
  <si>
    <t>調定額</t>
    <rPh sb="0" eb="1">
      <t>チョウ</t>
    </rPh>
    <rPh sb="1" eb="2">
      <t>テイ</t>
    </rPh>
    <rPh sb="2" eb="3">
      <t>ガク</t>
    </rPh>
    <phoneticPr fontId="6"/>
  </si>
  <si>
    <t>収入済額</t>
    <rPh sb="0" eb="2">
      <t>シュウニュウ</t>
    </rPh>
    <rPh sb="2" eb="3">
      <t>スミ</t>
    </rPh>
    <rPh sb="3" eb="4">
      <t>ガク</t>
    </rPh>
    <phoneticPr fontId="6"/>
  </si>
  <si>
    <t>不納欠損額</t>
    <rPh sb="0" eb="2">
      <t>フノウ</t>
    </rPh>
    <rPh sb="2" eb="4">
      <t>ケッソン</t>
    </rPh>
    <rPh sb="4" eb="5">
      <t>ガク</t>
    </rPh>
    <phoneticPr fontId="6"/>
  </si>
  <si>
    <t>収入未済額</t>
    <rPh sb="0" eb="2">
      <t>シュウニュウ</t>
    </rPh>
    <rPh sb="2" eb="3">
      <t>ミ</t>
    </rPh>
    <rPh sb="3" eb="4">
      <t>スミ</t>
    </rPh>
    <rPh sb="4" eb="5">
      <t>ガク</t>
    </rPh>
    <phoneticPr fontId="6"/>
  </si>
  <si>
    <t>予算現額と
収入済額との
比較</t>
    <rPh sb="0" eb="2">
      <t>ヨサン</t>
    </rPh>
    <rPh sb="2" eb="3">
      <t>ゲン</t>
    </rPh>
    <rPh sb="3" eb="4">
      <t>ガク</t>
    </rPh>
    <rPh sb="6" eb="8">
      <t>シュウニュウ</t>
    </rPh>
    <rPh sb="8" eb="9">
      <t>ズ</t>
    </rPh>
    <rPh sb="9" eb="10">
      <t>ガク</t>
    </rPh>
    <rPh sb="13" eb="15">
      <t>ヒカク</t>
    </rPh>
    <phoneticPr fontId="6"/>
  </si>
  <si>
    <t>県税</t>
  </si>
  <si>
    <t>1,447,412,789,000</t>
  </si>
  <si>
    <t>1,465,729,325,858</t>
  </si>
  <si>
    <t xml:space="preserve">×_x000D_
</t>
  </si>
  <si>
    <t>1,028,908,270_x000D_
1,453,327,742,415</t>
    <phoneticPr fontId="1"/>
  </si>
  <si>
    <t>961,749,274</t>
  </si>
  <si>
    <t>12,468,742,439</t>
  </si>
  <si>
    <t>5,914,953,415</t>
  </si>
  <si>
    <t>県民税</t>
  </si>
  <si>
    <t>421,769,400,000</t>
  </si>
  <si>
    <t>430,888,035,596</t>
  </si>
  <si>
    <t>54,821,899_x000D_
423,174,901,694</t>
    <phoneticPr fontId="1"/>
  </si>
  <si>
    <t>720,001,320</t>
  </si>
  <si>
    <t>7,047,954,481</t>
  </si>
  <si>
    <t>1,405,501,694</t>
  </si>
  <si>
    <t>事業税</t>
  </si>
  <si>
    <t>364,342,591,000</t>
  </si>
  <si>
    <t>368,334,827,048</t>
  </si>
  <si>
    <t>923,011,022_x000D_
367,141,498,704</t>
    <phoneticPr fontId="1"/>
  </si>
  <si>
    <t>156,461,776</t>
  </si>
  <si>
    <t>1,959,877,590</t>
  </si>
  <si>
    <t>2,798,907,704</t>
  </si>
  <si>
    <t>地方消費税</t>
  </si>
  <si>
    <t>477,113,743,000</t>
  </si>
  <si>
    <t>不動産取得税</t>
  </si>
  <si>
    <t>34,356,167,000</t>
  </si>
  <si>
    <t>37,409,211,836</t>
  </si>
  <si>
    <t>48,061,200_x000D_
36,056,749,432</t>
    <phoneticPr fontId="1"/>
  </si>
  <si>
    <t>28,232,951</t>
  </si>
  <si>
    <t>1,372,290,653</t>
  </si>
  <si>
    <t>1,700,582,432</t>
  </si>
  <si>
    <t>県たばこ税</t>
  </si>
  <si>
    <t>9,727,452,000</t>
  </si>
  <si>
    <t>9,712,712,304</t>
  </si>
  <si>
    <t>△</t>
  </si>
  <si>
    <t>14,739,696</t>
  </si>
  <si>
    <t>ゴルフ場　　利用税</t>
  </si>
  <si>
    <t>1,615,199,000</t>
  </si>
  <si>
    <t>1,641,845,400</t>
  </si>
  <si>
    <t>26,646,400</t>
  </si>
  <si>
    <t>軽油引取税</t>
  </si>
  <si>
    <t>39,658,563,000</t>
  </si>
  <si>
    <t>41,033,368,574</t>
  </si>
  <si>
    <t>385,200_x000D_
39,464,811,354</t>
    <phoneticPr fontId="1"/>
  </si>
  <si>
    <t>1</t>
  </si>
  <si>
    <t>1,568,942,419</t>
  </si>
  <si>
    <t>193,751,646</t>
  </si>
  <si>
    <t>自動車税</t>
  </si>
  <si>
    <t>98,803,511,000</t>
  </si>
  <si>
    <t>99,510,083,566</t>
  </si>
  <si>
    <t>2,628,949_x000D_
98,999,956,905</t>
    <phoneticPr fontId="1"/>
  </si>
  <si>
    <t>15,950,085</t>
  </si>
  <si>
    <t>496,805,525</t>
  </si>
  <si>
    <t>196,445,905</t>
  </si>
  <si>
    <t>狩猟税</t>
  </si>
  <si>
    <t>14,964,000</t>
  </si>
  <si>
    <t>15,058,600</t>
  </si>
  <si>
    <t>94,600</t>
  </si>
  <si>
    <t>旧法による税</t>
  </si>
  <si>
    <t>11,199,000</t>
  </si>
  <si>
    <t>70,439,934</t>
  </si>
  <si>
    <t>6,465,022</t>
  </si>
  <si>
    <t>41,103,141</t>
  </si>
  <si>
    <t>22,871,771</t>
  </si>
  <si>
    <t>4,733,978</t>
  </si>
  <si>
    <t>地方譲与税</t>
  </si>
  <si>
    <t>201,775,910,000</t>
  </si>
  <si>
    <t>201,942,351,000</t>
  </si>
  <si>
    <t>166,441,000</t>
  </si>
  <si>
    <t>特別法人事業譲与税</t>
  </si>
  <si>
    <t>199,062,027,000</t>
  </si>
  <si>
    <t>199,228,772,000</t>
  </si>
  <si>
    <t>166,745,000</t>
  </si>
  <si>
    <t>地方揮発油　譲与税</t>
  </si>
  <si>
    <t>1,536,045,000</t>
  </si>
  <si>
    <t>1,560,367,000</t>
  </si>
  <si>
    <t>24,322,000</t>
  </si>
  <si>
    <t>石油ガス　　譲与税</t>
  </si>
  <si>
    <t>39,858,000</t>
  </si>
  <si>
    <t>39,588,000</t>
  </si>
  <si>
    <t>270,000</t>
  </si>
  <si>
    <t>自動車重量　譲与税</t>
  </si>
  <si>
    <t>990,235,000</t>
  </si>
  <si>
    <t>978,765,000</t>
  </si>
  <si>
    <t>11,470,000</t>
  </si>
  <si>
    <t>森林環境　　譲与税</t>
  </si>
  <si>
    <t>147,745,000</t>
  </si>
  <si>
    <t>134,859,000</t>
  </si>
  <si>
    <t>12,886,000</t>
  </si>
  <si>
    <t>地方特例　　交付金</t>
  </si>
  <si>
    <t>23,745,619,000</t>
  </si>
  <si>
    <t>地方交付税</t>
  </si>
  <si>
    <t>159,664,574,000</t>
  </si>
  <si>
    <t>160,604,477,000</t>
  </si>
  <si>
    <t>939,903,000</t>
  </si>
  <si>
    <t>交通安全対策特別交付金</t>
  </si>
  <si>
    <t>1,200,000,000</t>
  </si>
  <si>
    <t>1,081,033,000</t>
  </si>
  <si>
    <t>118,967,000</t>
  </si>
  <si>
    <t>分担金及び　負担金</t>
  </si>
  <si>
    <t>758,321,850</t>
  </si>
  <si>
    <t>711,371,272</t>
  </si>
  <si>
    <t>619,779,367</t>
  </si>
  <si>
    <t>6,799,653</t>
  </si>
  <si>
    <t>84,792,252</t>
  </si>
  <si>
    <t>138,542,483</t>
  </si>
  <si>
    <t>分担金</t>
  </si>
  <si>
    <t>92,551,000</t>
  </si>
  <si>
    <t>53,678,800</t>
  </si>
  <si>
    <t>38,872,200</t>
  </si>
  <si>
    <t>負担金</t>
  </si>
  <si>
    <t>665,770,850</t>
  </si>
  <si>
    <t>657,692,472</t>
  </si>
  <si>
    <t>566,100,567</t>
  </si>
  <si>
    <t>99,670,283</t>
  </si>
  <si>
    <t>使用料及び　手数料</t>
  </si>
  <si>
    <t>28,286,214,000</t>
  </si>
  <si>
    <t>28,003,474,553</t>
  </si>
  <si>
    <t>973_x000D_
27,936,866,487</t>
    <phoneticPr fontId="1"/>
  </si>
  <si>
    <t>5,191,596</t>
  </si>
  <si>
    <t>61,417,443</t>
  </si>
  <si>
    <t>349,347,513</t>
  </si>
  <si>
    <t>使用料</t>
  </si>
  <si>
    <t>16,484,273,000</t>
  </si>
  <si>
    <t>16,466,592,874</t>
  </si>
  <si>
    <t>973_x000D_
16,405,976,620</t>
    <phoneticPr fontId="1"/>
  </si>
  <si>
    <t>55,425,631</t>
  </si>
  <si>
    <t>78,296,380</t>
  </si>
  <si>
    <t>手数料</t>
  </si>
  <si>
    <t>2,415,622,000</t>
  </si>
  <si>
    <t>2,461,341,519</t>
  </si>
  <si>
    <t>2,455,349,707</t>
  </si>
  <si>
    <t>5,991,812</t>
  </si>
  <si>
    <t>39,727,707</t>
  </si>
  <si>
    <t>証紙収入</t>
  </si>
  <si>
    <t>9,386,319,000</t>
  </si>
  <si>
    <t>9,075,540,160</t>
  </si>
  <si>
    <t>310,778,840</t>
  </si>
  <si>
    <t>国庫支出金</t>
  </si>
  <si>
    <t>198,510,049,507</t>
  </si>
  <si>
    <t>154,543,281,084</t>
  </si>
  <si>
    <t>43,966,768,423</t>
  </si>
  <si>
    <t>国庫負担金</t>
  </si>
  <si>
    <t>61,046,783,000</t>
  </si>
  <si>
    <t>60,485,045,100</t>
  </si>
  <si>
    <t>561,737,900</t>
  </si>
  <si>
    <t>国庫補助金</t>
  </si>
  <si>
    <t>130,260,006,507</t>
  </si>
  <si>
    <t>87,995,415,925</t>
  </si>
  <si>
    <t>42,264,590,582</t>
  </si>
  <si>
    <t>委託金</t>
  </si>
  <si>
    <t>7,203,260,000</t>
  </si>
  <si>
    <t>6,062,820,059</t>
  </si>
  <si>
    <t>1,140,439,941</t>
  </si>
  <si>
    <t>財産収入</t>
  </si>
  <si>
    <t>4,195,623,000</t>
  </si>
  <si>
    <t>4,280,086,371</t>
  </si>
  <si>
    <t>4,278,786,331</t>
  </si>
  <si>
    <t>1,300,040</t>
  </si>
  <si>
    <t>83,163,331</t>
  </si>
  <si>
    <t>財産運用収入</t>
  </si>
  <si>
    <t>2,367,397,000</t>
  </si>
  <si>
    <t>2,404,405,729</t>
  </si>
  <si>
    <t>2,403,922,249</t>
  </si>
  <si>
    <t>483,480</t>
  </si>
  <si>
    <t>36,525,249</t>
  </si>
  <si>
    <t>財産売払収入</t>
  </si>
  <si>
    <t>1,828,226,000</t>
  </si>
  <si>
    <t>1,875,680,642</t>
  </si>
  <si>
    <t>1,874,864,082</t>
  </si>
  <si>
    <t>816,560</t>
  </si>
  <si>
    <t>46,638,082</t>
  </si>
  <si>
    <t>寄附金</t>
  </si>
  <si>
    <t>1,552,701,000</t>
  </si>
  <si>
    <t>690,125,250</t>
  </si>
  <si>
    <t>862,575,750</t>
  </si>
  <si>
    <t>繰入金</t>
  </si>
  <si>
    <t>109,527,840,000</t>
  </si>
  <si>
    <t>97,765,811,017</t>
  </si>
  <si>
    <t>11,762,028,983</t>
  </si>
  <si>
    <t>特別会計　　繰入金</t>
  </si>
  <si>
    <t>1,350,495,000</t>
  </si>
  <si>
    <t>1,340,602,145</t>
  </si>
  <si>
    <t>9,892,855</t>
  </si>
  <si>
    <t>基金繰入金</t>
  </si>
  <si>
    <t>108,177,345,000</t>
  </si>
  <si>
    <t>96,425,208,872</t>
  </si>
  <si>
    <t>11,752,136,128</t>
  </si>
  <si>
    <t>繰越金</t>
  </si>
  <si>
    <t>39,474,628,750</t>
  </si>
  <si>
    <t>39,474,629,197</t>
  </si>
  <si>
    <t>447</t>
  </si>
  <si>
    <t>諸収入</t>
  </si>
  <si>
    <t>28,802,712,329</t>
  </si>
  <si>
    <t>33,788,834,507</t>
  </si>
  <si>
    <t>374,456_x000D_
29,800,122,535</t>
    <phoneticPr fontId="1"/>
  </si>
  <si>
    <t>144,626,065</t>
  </si>
  <si>
    <t>3,844,460,363</t>
  </si>
  <si>
    <t>997,410,206</t>
  </si>
  <si>
    <t>延滞金、加算金
及び過料等</t>
    <phoneticPr fontId="1"/>
  </si>
  <si>
    <t>1,893,974,000</t>
  </si>
  <si>
    <t>2,886,559,671</t>
  </si>
  <si>
    <t>374,456_x000D_
1,854,647,831</t>
    <phoneticPr fontId="1"/>
  </si>
  <si>
    <t>61,509,087</t>
  </si>
  <si>
    <t>970,777,209</t>
  </si>
  <si>
    <t>39,326,169</t>
  </si>
  <si>
    <t>預金利子</t>
  </si>
  <si>
    <t>7,000,000</t>
  </si>
  <si>
    <t>632,145,222</t>
  </si>
  <si>
    <t>625,145,222</t>
  </si>
  <si>
    <t>貸付金　　　元利収入</t>
  </si>
  <si>
    <t>1,666,722,000</t>
  </si>
  <si>
    <t>2,331,715,287</t>
  </si>
  <si>
    <t>1,708,619,367</t>
  </si>
  <si>
    <t>2,180,427</t>
  </si>
  <si>
    <t>620,915,493</t>
  </si>
  <si>
    <t>41,897,367</t>
  </si>
  <si>
    <t>受託事業収入</t>
  </si>
  <si>
    <t>992,129,058</t>
  </si>
  <si>
    <t>816,182,570</t>
  </si>
  <si>
    <t>175,946,488</t>
  </si>
  <si>
    <t>収益事業収入</t>
  </si>
  <si>
    <t>7,324,016,000</t>
  </si>
  <si>
    <t>7,079,144,441</t>
  </si>
  <si>
    <t>244,871,559</t>
  </si>
  <si>
    <t>負担交付収入</t>
  </si>
  <si>
    <t>7,303,419,336</t>
  </si>
  <si>
    <t>6,694,691,276</t>
  </si>
  <si>
    <t>6,686,773,076</t>
  </si>
  <si>
    <t>7,918,200</t>
  </si>
  <si>
    <t>616,646,260</t>
  </si>
  <si>
    <t>事業収入</t>
  </si>
  <si>
    <t>86,953,000</t>
  </si>
  <si>
    <t>83,443,879</t>
  </si>
  <si>
    <t>3,509,121</t>
  </si>
  <si>
    <t>受講料収入</t>
  </si>
  <si>
    <t>36,022,000</t>
  </si>
  <si>
    <t>25,699,610</t>
  </si>
  <si>
    <t>10,322,390</t>
  </si>
  <si>
    <t>立替収入</t>
  </si>
  <si>
    <t>1,005,586,935</t>
  </si>
  <si>
    <t>991,156,918</t>
  </si>
  <si>
    <t>989,309,839</t>
  </si>
  <si>
    <t>4,354</t>
  </si>
  <si>
    <t>1,842,725</t>
  </si>
  <si>
    <t>16,277,096</t>
  </si>
  <si>
    <t>福利厚生収入</t>
  </si>
  <si>
    <t>168,265,000</t>
  </si>
  <si>
    <t>167,218,028</t>
  </si>
  <si>
    <t>1,046,972</t>
  </si>
  <si>
    <t>徴収取扱収入</t>
  </si>
  <si>
    <t>42,163,000</t>
  </si>
  <si>
    <t>42,162,700</t>
  </si>
  <si>
    <t>300</t>
  </si>
  <si>
    <t>雑入</t>
  </si>
  <si>
    <t>8,276,462,000</t>
  </si>
  <si>
    <t>12,038,714,905</t>
  </si>
  <si>
    <t>9,714,775,972</t>
  </si>
  <si>
    <t>80,932,197</t>
  </si>
  <si>
    <t>2,243,006,736</t>
  </si>
  <si>
    <t>1,438,313,972</t>
  </si>
  <si>
    <t>県債</t>
  </si>
  <si>
    <t>107,514,000,000</t>
  </si>
  <si>
    <t>81,016,000,000</t>
  </si>
  <si>
    <t>26,498,000,000</t>
  </si>
  <si>
    <t>歳入合計</t>
    <rPh sb="0" eb="2">
      <t>サイニュウ</t>
    </rPh>
    <rPh sb="2" eb="4">
      <t>ゴウケイ</t>
    </rPh>
    <phoneticPr fontId="6"/>
  </si>
  <si>
    <t>2,293,376,419,109</t>
  </si>
  <si>
    <t>1,029,283,699_x000D_
2,276,826,623,683</t>
    <phoneticPr fontId="1"/>
  </si>
  <si>
    <t>1,118,366,588</t>
  </si>
  <si>
    <t>16,460,712,537</t>
  </si>
  <si>
    <t>75,594,358,753</t>
  </si>
  <si>
    <t>　令和７年９月22日　提出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3"/>
      <name val="ＭＳ ゴシック"/>
      <family val="3"/>
      <charset val="128"/>
    </font>
    <font>
      <sz val="14"/>
      <name val="ＭＳ ゴシック"/>
      <family val="3"/>
      <charset val="128"/>
    </font>
    <font>
      <sz val="8"/>
      <name val="ＭＳ ゴシック"/>
      <family val="3"/>
      <charset val="128"/>
    </font>
    <font>
      <sz val="8"/>
      <name val="ＭＳ 明朝"/>
      <family val="1"/>
      <charset val="128"/>
    </font>
    <font>
      <sz val="6"/>
      <name val="ＭＳ Ｐゴシック"/>
      <family val="3"/>
      <charset val="128"/>
    </font>
    <font>
      <sz val="8"/>
      <name val="ＭＳ　ゴシック"/>
      <family val="3"/>
      <charset val="128"/>
    </font>
    <font>
      <sz val="7"/>
      <name val="ＭＳ 明朝"/>
      <family val="1"/>
      <charset val="128"/>
    </font>
    <font>
      <sz val="12"/>
      <name val="ＭＳ 明朝"/>
      <family val="1"/>
      <charset val="128"/>
    </font>
    <font>
      <sz val="17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9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19">
    <xf numFmtId="0" fontId="0" fillId="0" borderId="0" xfId="0"/>
    <xf numFmtId="0" fontId="0" fillId="0" borderId="0" xfId="0" applyFont="1"/>
    <xf numFmtId="49" fontId="2" fillId="0" borderId="0" xfId="0" applyNumberFormat="1" applyFont="1" applyBorder="1" applyAlignment="1">
      <alignment vertical="center"/>
    </xf>
    <xf numFmtId="49" fontId="3" fillId="0" borderId="0" xfId="0" applyNumberFormat="1" applyFont="1" applyBorder="1" applyAlignment="1">
      <alignment vertical="center"/>
    </xf>
    <xf numFmtId="49" fontId="4" fillId="0" borderId="0" xfId="0" applyNumberFormat="1" applyFont="1" applyBorder="1" applyAlignment="1">
      <alignment vertical="center"/>
    </xf>
    <xf numFmtId="0" fontId="5" fillId="0" borderId="0" xfId="0" applyFont="1"/>
    <xf numFmtId="49" fontId="5" fillId="0" borderId="7" xfId="0" applyNumberFormat="1" applyFont="1" applyBorder="1" applyAlignment="1">
      <alignment horizontal="right" vertical="center"/>
    </xf>
    <xf numFmtId="49" fontId="5" fillId="0" borderId="8" xfId="0" applyNumberFormat="1" applyFont="1" applyBorder="1" applyAlignment="1">
      <alignment horizontal="left" vertical="center"/>
    </xf>
    <xf numFmtId="49" fontId="5" fillId="0" borderId="8" xfId="0" applyNumberFormat="1" applyFont="1" applyBorder="1" applyAlignment="1">
      <alignment horizontal="right" vertical="center"/>
    </xf>
    <xf numFmtId="49" fontId="5" fillId="0" borderId="9" xfId="0" applyNumberFormat="1" applyFont="1" applyBorder="1" applyAlignment="1">
      <alignment horizontal="left" vertical="center"/>
    </xf>
    <xf numFmtId="49" fontId="5" fillId="0" borderId="10" xfId="0" applyNumberFormat="1" applyFont="1" applyBorder="1" applyAlignment="1">
      <alignment horizontal="right" vertical="center"/>
    </xf>
    <xf numFmtId="49" fontId="5" fillId="0" borderId="9" xfId="0" applyNumberFormat="1" applyFont="1" applyBorder="1" applyAlignment="1">
      <alignment horizontal="right" vertical="center"/>
    </xf>
    <xf numFmtId="49" fontId="5" fillId="0" borderId="11" xfId="0" applyNumberFormat="1" applyFont="1" applyBorder="1" applyAlignment="1">
      <alignment horizontal="right" vertical="center"/>
    </xf>
    <xf numFmtId="49" fontId="5" fillId="0" borderId="12" xfId="0" applyNumberFormat="1" applyFont="1" applyBorder="1" applyAlignment="1">
      <alignment horizontal="right" vertical="center"/>
    </xf>
    <xf numFmtId="49" fontId="5" fillId="0" borderId="0" xfId="0" applyNumberFormat="1" applyFont="1" applyBorder="1" applyAlignment="1">
      <alignment horizontal="left" vertical="center"/>
    </xf>
    <xf numFmtId="49" fontId="5" fillId="0" borderId="13" xfId="0" applyNumberFormat="1" applyFont="1" applyBorder="1" applyAlignment="1">
      <alignment horizontal="left" vertical="center"/>
    </xf>
    <xf numFmtId="49" fontId="5" fillId="0" borderId="14" xfId="0" applyNumberFormat="1" applyFont="1" applyBorder="1" applyAlignment="1">
      <alignment horizontal="right" vertical="center"/>
    </xf>
    <xf numFmtId="49" fontId="5" fillId="0" borderId="13" xfId="0" applyNumberFormat="1" applyFont="1" applyBorder="1" applyAlignment="1">
      <alignment horizontal="right" vertical="center"/>
    </xf>
    <xf numFmtId="49" fontId="5" fillId="0" borderId="15" xfId="0" applyNumberFormat="1" applyFont="1" applyBorder="1" applyAlignment="1">
      <alignment horizontal="right" vertical="center"/>
    </xf>
    <xf numFmtId="49" fontId="5" fillId="0" borderId="17" xfId="0" applyNumberFormat="1" applyFont="1" applyBorder="1" applyAlignment="1">
      <alignment horizontal="right" vertical="center"/>
    </xf>
    <xf numFmtId="49" fontId="7" fillId="0" borderId="12" xfId="0" applyNumberFormat="1" applyFont="1" applyBorder="1" applyAlignment="1">
      <alignment horizontal="right" vertical="center"/>
    </xf>
    <xf numFmtId="49" fontId="7" fillId="0" borderId="0" xfId="0" applyNumberFormat="1" applyFont="1" applyBorder="1" applyAlignment="1">
      <alignment horizontal="distributed" vertical="center"/>
    </xf>
    <xf numFmtId="49" fontId="7" fillId="0" borderId="13" xfId="0" applyNumberFormat="1" applyFont="1" applyBorder="1" applyAlignment="1">
      <alignment horizontal="right" vertical="center"/>
    </xf>
    <xf numFmtId="49" fontId="7" fillId="0" borderId="14" xfId="0" applyNumberFormat="1" applyFont="1" applyBorder="1" applyAlignment="1">
      <alignment horizontal="right" vertical="center"/>
    </xf>
    <xf numFmtId="49" fontId="7" fillId="0" borderId="15" xfId="0" applyNumberFormat="1" applyFont="1" applyBorder="1" applyAlignment="1">
      <alignment horizontal="right" vertical="center"/>
    </xf>
    <xf numFmtId="49" fontId="5" fillId="0" borderId="13" xfId="0" applyNumberFormat="1" applyFont="1" applyBorder="1" applyAlignment="1">
      <alignment horizontal="distributed" vertical="center"/>
    </xf>
    <xf numFmtId="49" fontId="5" fillId="0" borderId="25" xfId="0" applyNumberFormat="1" applyFont="1" applyBorder="1" applyAlignment="1">
      <alignment horizontal="distributed" vertical="center"/>
    </xf>
    <xf numFmtId="49" fontId="5" fillId="0" borderId="26" xfId="0" applyNumberFormat="1" applyFont="1" applyBorder="1" applyAlignment="1">
      <alignment horizontal="right" vertical="center"/>
    </xf>
    <xf numFmtId="49" fontId="5" fillId="0" borderId="25" xfId="0" applyNumberFormat="1" applyFont="1" applyBorder="1" applyAlignment="1">
      <alignment horizontal="right" vertical="center"/>
    </xf>
    <xf numFmtId="49" fontId="5" fillId="0" borderId="27" xfId="0" applyNumberFormat="1" applyFont="1" applyBorder="1" applyAlignment="1">
      <alignment horizontal="right" vertical="center"/>
    </xf>
    <xf numFmtId="49" fontId="5" fillId="0" borderId="28" xfId="0" applyNumberFormat="1" applyFont="1" applyBorder="1" applyAlignment="1">
      <alignment horizontal="right" vertical="center"/>
    </xf>
    <xf numFmtId="49" fontId="5" fillId="0" borderId="29" xfId="0" applyNumberFormat="1" applyFont="1" applyBorder="1" applyAlignment="1">
      <alignment horizontal="left" vertical="center"/>
    </xf>
    <xf numFmtId="49" fontId="5" fillId="0" borderId="30" xfId="0" applyNumberFormat="1" applyFont="1" applyBorder="1" applyAlignment="1">
      <alignment horizontal="right" vertical="center"/>
    </xf>
    <xf numFmtId="49" fontId="5" fillId="0" borderId="31" xfId="0" applyNumberFormat="1" applyFont="1" applyBorder="1" applyAlignment="1">
      <alignment horizontal="distributed" vertical="center"/>
    </xf>
    <xf numFmtId="49" fontId="5" fillId="0" borderId="31" xfId="0" applyNumberFormat="1" applyFont="1" applyBorder="1" applyAlignment="1">
      <alignment horizontal="right" vertical="center"/>
    </xf>
    <xf numFmtId="49" fontId="5" fillId="0" borderId="32" xfId="0" applyNumberFormat="1" applyFont="1" applyBorder="1" applyAlignment="1">
      <alignment horizontal="right" vertical="center"/>
    </xf>
    <xf numFmtId="49" fontId="7" fillId="0" borderId="23" xfId="0" applyNumberFormat="1" applyFont="1" applyBorder="1" applyAlignment="1">
      <alignment horizontal="right" vertical="center"/>
    </xf>
    <xf numFmtId="49" fontId="7" fillId="0" borderId="24" xfId="0" applyNumberFormat="1" applyFont="1" applyBorder="1" applyAlignment="1">
      <alignment horizontal="distributed" vertical="center"/>
    </xf>
    <xf numFmtId="49" fontId="5" fillId="0" borderId="25" xfId="0" applyNumberFormat="1" applyFont="1" applyBorder="1" applyAlignment="1">
      <alignment horizontal="left" vertical="center"/>
    </xf>
    <xf numFmtId="49" fontId="7" fillId="0" borderId="25" xfId="0" applyNumberFormat="1" applyFont="1" applyBorder="1" applyAlignment="1">
      <alignment horizontal="right" vertical="center"/>
    </xf>
    <xf numFmtId="49" fontId="7" fillId="0" borderId="26" xfId="0" applyNumberFormat="1" applyFont="1" applyBorder="1" applyAlignment="1">
      <alignment horizontal="right" vertical="center"/>
    </xf>
    <xf numFmtId="49" fontId="7" fillId="0" borderId="27" xfId="0" applyNumberFormat="1" applyFont="1" applyBorder="1" applyAlignment="1">
      <alignment horizontal="right" vertical="center"/>
    </xf>
    <xf numFmtId="49" fontId="7" fillId="0" borderId="20" xfId="0" applyNumberFormat="1" applyFont="1" applyBorder="1" applyAlignment="1">
      <alignment horizontal="right" vertical="center"/>
    </xf>
    <xf numFmtId="49" fontId="7" fillId="0" borderId="33" xfId="0" applyNumberFormat="1" applyFont="1" applyBorder="1" applyAlignment="1">
      <alignment horizontal="right" vertical="center"/>
    </xf>
    <xf numFmtId="49" fontId="7" fillId="0" borderId="34" xfId="0" applyNumberFormat="1" applyFont="1" applyBorder="1" applyAlignment="1">
      <alignment horizontal="distributed" vertical="center"/>
    </xf>
    <xf numFmtId="49" fontId="5" fillId="0" borderId="31" xfId="0" applyNumberFormat="1" applyFont="1" applyBorder="1" applyAlignment="1">
      <alignment horizontal="left" vertical="center"/>
    </xf>
    <xf numFmtId="49" fontId="7" fillId="0" borderId="31" xfId="0" applyNumberFormat="1" applyFont="1" applyBorder="1" applyAlignment="1">
      <alignment horizontal="right" vertical="center"/>
    </xf>
    <xf numFmtId="49" fontId="7" fillId="0" borderId="30" xfId="0" applyNumberFormat="1" applyFont="1" applyBorder="1" applyAlignment="1">
      <alignment horizontal="right" vertical="center"/>
    </xf>
    <xf numFmtId="49" fontId="7" fillId="0" borderId="32" xfId="0" applyNumberFormat="1" applyFont="1" applyBorder="1" applyAlignment="1">
      <alignment horizontal="right" vertical="center"/>
    </xf>
    <xf numFmtId="0" fontId="0" fillId="0" borderId="0" xfId="0" applyAlignment="1"/>
    <xf numFmtId="49" fontId="7" fillId="0" borderId="16" xfId="0" applyNumberFormat="1" applyFont="1" applyBorder="1" applyAlignment="1">
      <alignment horizontal="right" vertical="center"/>
    </xf>
    <xf numFmtId="49" fontId="7" fillId="0" borderId="17" xfId="0" applyNumberFormat="1" applyFont="1" applyBorder="1" applyAlignment="1">
      <alignment horizontal="right" vertical="center"/>
    </xf>
    <xf numFmtId="49" fontId="7" fillId="0" borderId="35" xfId="0" applyNumberFormat="1" applyFont="1" applyBorder="1" applyAlignment="1">
      <alignment horizontal="right" vertical="center"/>
    </xf>
    <xf numFmtId="0" fontId="5" fillId="0" borderId="0" xfId="0" applyFont="1" applyAlignment="1">
      <alignment horizontal="right"/>
    </xf>
    <xf numFmtId="0" fontId="5" fillId="0" borderId="0" xfId="0" applyFont="1" applyAlignment="1">
      <alignment horizontal="left"/>
    </xf>
    <xf numFmtId="49" fontId="8" fillId="0" borderId="25" xfId="0" applyNumberFormat="1" applyFont="1" applyBorder="1" applyAlignment="1">
      <alignment horizontal="distributed" vertical="center"/>
    </xf>
    <xf numFmtId="49" fontId="4" fillId="0" borderId="0" xfId="0" applyNumberFormat="1" applyFont="1" applyBorder="1" applyAlignment="1">
      <alignment horizontal="distributed" vertical="center" justifyLastLine="1"/>
    </xf>
    <xf numFmtId="49" fontId="5" fillId="0" borderId="0" xfId="0" applyNumberFormat="1" applyFont="1" applyBorder="1" applyAlignment="1">
      <alignment horizontal="right" vertical="center"/>
    </xf>
    <xf numFmtId="49" fontId="7" fillId="0" borderId="0" xfId="0" applyNumberFormat="1" applyFont="1" applyBorder="1" applyAlignment="1">
      <alignment horizontal="right" vertical="center"/>
    </xf>
    <xf numFmtId="0" fontId="9" fillId="0" borderId="0" xfId="0" applyFont="1"/>
    <xf numFmtId="0" fontId="9" fillId="0" borderId="0" xfId="0" applyFont="1" applyAlignment="1">
      <alignment horizontal="right"/>
    </xf>
    <xf numFmtId="0" fontId="9" fillId="0" borderId="0" xfId="0" applyFont="1" applyAlignment="1">
      <alignment horizontal="left"/>
    </xf>
    <xf numFmtId="49" fontId="5" fillId="0" borderId="25" xfId="0" applyNumberFormat="1" applyFont="1" applyBorder="1" applyAlignment="1">
      <alignment horizontal="distributed" vertical="center" wrapText="1"/>
    </xf>
    <xf numFmtId="0" fontId="9" fillId="0" borderId="0" xfId="0" applyFont="1" applyAlignment="1">
      <alignment horizontal="distributed"/>
    </xf>
    <xf numFmtId="0" fontId="9" fillId="0" borderId="0" xfId="0" applyFont="1" applyAlignment="1">
      <alignment horizontal="right"/>
    </xf>
    <xf numFmtId="49" fontId="5" fillId="0" borderId="2" xfId="0" applyNumberFormat="1" applyFont="1" applyBorder="1" applyAlignment="1">
      <alignment horizontal="distributed" vertical="center" wrapText="1"/>
    </xf>
    <xf numFmtId="49" fontId="5" fillId="0" borderId="3" xfId="0" applyNumberFormat="1" applyFont="1" applyBorder="1" applyAlignment="1">
      <alignment horizontal="distributed" vertical="center"/>
    </xf>
    <xf numFmtId="49" fontId="5" fillId="0" borderId="5" xfId="0" applyNumberFormat="1" applyFont="1" applyBorder="1" applyAlignment="1">
      <alignment horizontal="distributed" vertical="center"/>
    </xf>
    <xf numFmtId="49" fontId="5" fillId="0" borderId="6" xfId="0" applyNumberFormat="1" applyFont="1" applyBorder="1" applyAlignment="1">
      <alignment horizontal="distributed" vertical="center"/>
    </xf>
    <xf numFmtId="49" fontId="5" fillId="0" borderId="2" xfId="0" applyNumberFormat="1" applyFont="1" applyBorder="1" applyAlignment="1">
      <alignment horizontal="distributed" vertical="center" justifyLastLine="1"/>
    </xf>
    <xf numFmtId="49" fontId="5" fillId="0" borderId="5" xfId="0" applyNumberFormat="1" applyFont="1" applyBorder="1" applyAlignment="1">
      <alignment horizontal="distributed" vertical="center" justifyLastLine="1"/>
    </xf>
    <xf numFmtId="49" fontId="4" fillId="0" borderId="4" xfId="0" applyNumberFormat="1" applyFont="1" applyBorder="1" applyAlignment="1">
      <alignment horizontal="distributed" vertical="center" justifyLastLine="1"/>
    </xf>
    <xf numFmtId="49" fontId="4" fillId="0" borderId="5" xfId="0" applyNumberFormat="1" applyFont="1" applyBorder="1" applyAlignment="1">
      <alignment horizontal="distributed" vertical="center" justifyLastLine="1"/>
    </xf>
    <xf numFmtId="49" fontId="5" fillId="0" borderId="1" xfId="0" applyNumberFormat="1" applyFont="1" applyBorder="1" applyAlignment="1">
      <alignment horizontal="distributed" vertical="center" justifyLastLine="1"/>
    </xf>
    <xf numFmtId="49" fontId="5" fillId="0" borderId="4" xfId="0" applyNumberFormat="1" applyFont="1" applyBorder="1" applyAlignment="1">
      <alignment horizontal="distributed" vertical="center" justifyLastLine="1"/>
    </xf>
    <xf numFmtId="49" fontId="4" fillId="0" borderId="18" xfId="0" applyNumberFormat="1" applyFont="1" applyBorder="1" applyAlignment="1">
      <alignment horizontal="distributed" vertical="center" justifyLastLine="1"/>
    </xf>
    <xf numFmtId="49" fontId="4" fillId="0" borderId="19" xfId="0" applyNumberFormat="1" applyFont="1" applyBorder="1" applyAlignment="1">
      <alignment horizontal="distributed" vertical="center" justifyLastLine="1"/>
    </xf>
    <xf numFmtId="49" fontId="10" fillId="0" borderId="0" xfId="0" applyNumberFormat="1" applyFont="1" applyAlignment="1">
      <alignment horizontal="center" vertical="center"/>
    </xf>
    <xf numFmtId="49" fontId="2" fillId="0" borderId="0" xfId="0" applyNumberFormat="1" applyFont="1" applyAlignment="1">
      <alignment vertical="center"/>
    </xf>
    <xf numFmtId="49" fontId="3" fillId="0" borderId="0" xfId="0" applyNumberFormat="1" applyFont="1" applyAlignment="1">
      <alignment vertical="center"/>
    </xf>
    <xf numFmtId="49" fontId="4" fillId="0" borderId="0" xfId="0" applyNumberFormat="1" applyFont="1" applyAlignment="1">
      <alignment horizontal="right" vertical="center"/>
    </xf>
    <xf numFmtId="49" fontId="5" fillId="0" borderId="2" xfId="0" applyNumberFormat="1" applyFont="1" applyBorder="1" applyAlignment="1">
      <alignment horizontal="right" vertical="center"/>
    </xf>
    <xf numFmtId="49" fontId="5" fillId="0" borderId="10" xfId="0" applyNumberFormat="1" applyFont="1" applyBorder="1" applyAlignment="1">
      <alignment horizontal="left" vertical="center"/>
    </xf>
    <xf numFmtId="49" fontId="7" fillId="0" borderId="0" xfId="0" applyNumberFormat="1" applyFont="1" applyAlignment="1">
      <alignment horizontal="distributed" vertical="center"/>
    </xf>
    <xf numFmtId="49" fontId="7" fillId="0" borderId="36" xfId="0" applyNumberFormat="1" applyFont="1" applyBorder="1" applyAlignment="1">
      <alignment horizontal="right" vertical="center" shrinkToFit="1"/>
    </xf>
    <xf numFmtId="49" fontId="7" fillId="0" borderId="14" xfId="0" applyNumberFormat="1" applyFont="1" applyBorder="1" applyAlignment="1">
      <alignment horizontal="left" vertical="center" wrapText="1"/>
    </xf>
    <xf numFmtId="49" fontId="7" fillId="0" borderId="13" xfId="0" applyNumberFormat="1" applyFont="1" applyBorder="1" applyAlignment="1">
      <alignment horizontal="right" vertical="center" wrapText="1"/>
    </xf>
    <xf numFmtId="49" fontId="7" fillId="0" borderId="13" xfId="0" applyNumberFormat="1" applyFont="1" applyBorder="1" applyAlignment="1">
      <alignment horizontal="right" vertical="center" shrinkToFit="1"/>
    </xf>
    <xf numFmtId="49" fontId="7" fillId="0" borderId="15" xfId="0" applyNumberFormat="1" applyFont="1" applyBorder="1" applyAlignment="1">
      <alignment horizontal="right" vertical="center" shrinkToFit="1"/>
    </xf>
    <xf numFmtId="49" fontId="5" fillId="0" borderId="0" xfId="0" applyNumberFormat="1" applyFont="1" applyAlignment="1">
      <alignment horizontal="left" vertical="center"/>
    </xf>
    <xf numFmtId="49" fontId="5" fillId="0" borderId="37" xfId="0" applyNumberFormat="1" applyFont="1" applyBorder="1" applyAlignment="1">
      <alignment horizontal="right" vertical="center" shrinkToFit="1"/>
    </xf>
    <xf numFmtId="49" fontId="5" fillId="0" borderId="26" xfId="0" applyNumberFormat="1" applyFont="1" applyBorder="1" applyAlignment="1">
      <alignment horizontal="left" vertical="center" wrapText="1"/>
    </xf>
    <xf numFmtId="49" fontId="5" fillId="0" borderId="25" xfId="0" applyNumberFormat="1" applyFont="1" applyBorder="1" applyAlignment="1">
      <alignment horizontal="right" vertical="center" wrapText="1"/>
    </xf>
    <xf numFmtId="49" fontId="5" fillId="0" borderId="25" xfId="0" applyNumberFormat="1" applyFont="1" applyBorder="1" applyAlignment="1">
      <alignment horizontal="right" vertical="center" shrinkToFit="1"/>
    </xf>
    <xf numFmtId="49" fontId="5" fillId="0" borderId="27" xfId="0" applyNumberFormat="1" applyFont="1" applyBorder="1" applyAlignment="1">
      <alignment horizontal="right" vertical="center" shrinkToFit="1"/>
    </xf>
    <xf numFmtId="49" fontId="5" fillId="0" borderId="26" xfId="0" applyNumberFormat="1" applyFont="1" applyBorder="1" applyAlignment="1">
      <alignment horizontal="left" vertical="center"/>
    </xf>
    <xf numFmtId="49" fontId="7" fillId="0" borderId="37" xfId="0" applyNumberFormat="1" applyFont="1" applyBorder="1" applyAlignment="1">
      <alignment horizontal="right" vertical="center" shrinkToFit="1"/>
    </xf>
    <xf numFmtId="49" fontId="7" fillId="0" borderId="26" xfId="0" applyNumberFormat="1" applyFont="1" applyBorder="1" applyAlignment="1">
      <alignment horizontal="left" vertical="center" wrapText="1"/>
    </xf>
    <xf numFmtId="49" fontId="7" fillId="0" borderId="25" xfId="0" applyNumberFormat="1" applyFont="1" applyBorder="1" applyAlignment="1">
      <alignment horizontal="right" vertical="center" wrapText="1"/>
    </xf>
    <xf numFmtId="49" fontId="7" fillId="0" borderId="25" xfId="0" applyNumberFormat="1" applyFont="1" applyBorder="1" applyAlignment="1">
      <alignment horizontal="right" vertical="center" shrinkToFit="1"/>
    </xf>
    <xf numFmtId="49" fontId="7" fillId="0" borderId="27" xfId="0" applyNumberFormat="1" applyFont="1" applyBorder="1" applyAlignment="1">
      <alignment horizontal="right" vertical="center" shrinkToFit="1"/>
    </xf>
    <xf numFmtId="49" fontId="5" fillId="0" borderId="38" xfId="0" applyNumberFormat="1" applyFont="1" applyBorder="1" applyAlignment="1">
      <alignment horizontal="right" vertical="center" shrinkToFit="1"/>
    </xf>
    <xf numFmtId="49" fontId="5" fillId="0" borderId="30" xfId="0" applyNumberFormat="1" applyFont="1" applyBorder="1" applyAlignment="1">
      <alignment horizontal="left" vertical="center" wrapText="1"/>
    </xf>
    <xf numFmtId="49" fontId="5" fillId="0" borderId="31" xfId="0" applyNumberFormat="1" applyFont="1" applyBorder="1" applyAlignment="1">
      <alignment horizontal="right" vertical="center" wrapText="1"/>
    </xf>
    <xf numFmtId="49" fontId="5" fillId="0" borderId="31" xfId="0" applyNumberFormat="1" applyFont="1" applyBorder="1" applyAlignment="1">
      <alignment horizontal="right" vertical="center" shrinkToFit="1"/>
    </xf>
    <xf numFmtId="49" fontId="5" fillId="0" borderId="32" xfId="0" applyNumberFormat="1" applyFont="1" applyBorder="1" applyAlignment="1">
      <alignment horizontal="right" vertical="center" shrinkToFit="1"/>
    </xf>
    <xf numFmtId="49" fontId="5" fillId="0" borderId="36" xfId="0" applyNumberFormat="1" applyFont="1" applyBorder="1" applyAlignment="1">
      <alignment horizontal="right" vertical="center" shrinkToFit="1"/>
    </xf>
    <xf numFmtId="49" fontId="5" fillId="0" borderId="14" xfId="0" applyNumberFormat="1" applyFont="1" applyBorder="1" applyAlignment="1">
      <alignment horizontal="left" vertical="center" wrapText="1"/>
    </xf>
    <xf numFmtId="49" fontId="5" fillId="0" borderId="13" xfId="0" applyNumberFormat="1" applyFont="1" applyBorder="1" applyAlignment="1">
      <alignment horizontal="right" vertical="center" wrapText="1"/>
    </xf>
    <xf numFmtId="49" fontId="5" fillId="0" borderId="13" xfId="0" applyNumberFormat="1" applyFont="1" applyBorder="1" applyAlignment="1">
      <alignment horizontal="right" vertical="center" shrinkToFit="1"/>
    </xf>
    <xf numFmtId="49" fontId="5" fillId="0" borderId="15" xfId="0" applyNumberFormat="1" applyFont="1" applyBorder="1" applyAlignment="1">
      <alignment horizontal="right" vertical="center" shrinkToFit="1"/>
    </xf>
    <xf numFmtId="49" fontId="8" fillId="0" borderId="25" xfId="0" applyNumberFormat="1" applyFont="1" applyBorder="1" applyAlignment="1">
      <alignment horizontal="distributed" vertical="center" wrapText="1"/>
    </xf>
    <xf numFmtId="49" fontId="5" fillId="0" borderId="30" xfId="0" applyNumberFormat="1" applyFont="1" applyBorder="1" applyAlignment="1">
      <alignment horizontal="left" vertical="center"/>
    </xf>
    <xf numFmtId="49" fontId="5" fillId="0" borderId="14" xfId="0" applyNumberFormat="1" applyFont="1" applyBorder="1" applyAlignment="1">
      <alignment horizontal="left" vertical="center"/>
    </xf>
    <xf numFmtId="49" fontId="7" fillId="0" borderId="19" xfId="0" applyNumberFormat="1" applyFont="1" applyBorder="1" applyAlignment="1">
      <alignment horizontal="right" vertical="center" shrinkToFit="1"/>
    </xf>
    <xf numFmtId="49" fontId="7" fillId="0" borderId="20" xfId="0" applyNumberFormat="1" applyFont="1" applyBorder="1" applyAlignment="1">
      <alignment horizontal="left" vertical="center" wrapText="1"/>
    </xf>
    <xf numFmtId="49" fontId="7" fillId="0" borderId="21" xfId="0" applyNumberFormat="1" applyFont="1" applyBorder="1" applyAlignment="1">
      <alignment horizontal="right" vertical="center" wrapText="1"/>
    </xf>
    <xf numFmtId="49" fontId="7" fillId="0" borderId="21" xfId="0" applyNumberFormat="1" applyFont="1" applyBorder="1" applyAlignment="1">
      <alignment horizontal="right" vertical="center" shrinkToFit="1"/>
    </xf>
    <xf numFmtId="49" fontId="7" fillId="0" borderId="22" xfId="0" applyNumberFormat="1" applyFont="1" applyBorder="1" applyAlignment="1">
      <alignment horizontal="right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0</xdr:colOff>
      <xdr:row>2</xdr:row>
      <xdr:rowOff>0</xdr:rowOff>
    </xdr:from>
    <xdr:to>
      <xdr:col>12</xdr:col>
      <xdr:colOff>546165</xdr:colOff>
      <xdr:row>2</xdr:row>
      <xdr:rowOff>352424</xdr:rowOff>
    </xdr:to>
    <xdr:sp macro="" textlink="">
      <xdr:nvSpPr>
        <xdr:cNvPr id="2" name="会計注釈">
          <a:extLst>
            <a:ext uri="{FF2B5EF4-FFF2-40B4-BE49-F238E27FC236}">
              <a16:creationId xmlns:a16="http://schemas.microsoft.com/office/drawing/2014/main" id="{178984AA-7464-4E3F-A12E-7355B736B051}"/>
            </a:ext>
          </a:extLst>
        </xdr:cNvPr>
        <xdr:cNvSpPr/>
      </xdr:nvSpPr>
      <xdr:spPr bwMode="auto">
        <a:xfrm>
          <a:off x="5113020" y="647700"/>
          <a:ext cx="1384365" cy="352424"/>
        </a:xfrm>
        <a:prstGeom prst="bracketPair">
          <a:avLst/>
        </a:prstGeom>
        <a:noFill/>
        <a:ln w="9525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l"/>
          <a:r>
            <a:rPr kumimoji="1" lang="ja-JP" altLang="en-US" sz="750">
              <a:latin typeface="ＭＳ 明朝" panose="02020609040205080304" pitchFamily="17" charset="-128"/>
              <a:ea typeface="ＭＳ 明朝" panose="02020609040205080304" pitchFamily="17" charset="-128"/>
            </a:rPr>
            <a:t>収入済額欄の</a:t>
          </a:r>
          <a:r>
            <a:rPr kumimoji="1" lang="en-US" altLang="ja-JP" sz="750">
              <a:latin typeface="ＭＳ 明朝" panose="02020609040205080304" pitchFamily="17" charset="-128"/>
              <a:ea typeface="ＭＳ 明朝" panose="02020609040205080304" pitchFamily="17" charset="-128"/>
            </a:rPr>
            <a:t>×</a:t>
          </a:r>
          <a:r>
            <a:rPr kumimoji="1" lang="ja-JP" altLang="en-US" sz="750">
              <a:latin typeface="ＭＳ 明朝" panose="02020609040205080304" pitchFamily="17" charset="-128"/>
              <a:ea typeface="ＭＳ 明朝" panose="02020609040205080304" pitchFamily="17" charset="-128"/>
            </a:rPr>
            <a:t>印は過誤納金</a:t>
          </a:r>
          <a:endParaRPr kumimoji="1" lang="en-US" altLang="ja-JP" sz="750"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 algn="l">
            <a:lnSpc>
              <a:spcPts val="1200"/>
            </a:lnSpc>
          </a:pPr>
          <a:r>
            <a:rPr kumimoji="1" lang="ja-JP" altLang="en-US" sz="750">
              <a:latin typeface="ＭＳ 明朝" panose="02020609040205080304" pitchFamily="17" charset="-128"/>
              <a:ea typeface="ＭＳ 明朝" panose="02020609040205080304" pitchFamily="17" charset="-128"/>
            </a:rPr>
            <a:t>還付未済額を示すものである</a:t>
          </a:r>
          <a:endParaRPr kumimoji="1" lang="en-US" altLang="ja-JP" sz="750"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kfs01\s2103\03_&#27770;&#31639;&#22269;&#36027;G\K%20&#27770;&#31639;&#38306;&#20418;&#65288;R7)\K01%20&#27770;&#31639;&#12539;&#27770;&#29305;&#65288;R7&#65289;\23%20&#65320;&#65328;&#20844;&#38283;\01&#12487;&#12540;&#12479;&#28310;&#20633;\&#27507;&#20837;&#27770;&#31639;&#26360;.XLSX" TargetMode="External"/><Relationship Id="rId1" Type="http://schemas.openxmlformats.org/officeDocument/2006/relationships/externalLinkPath" Target="&#27507;&#20837;&#27770;&#31639;&#2636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02市町村自治振興事業会 (2)"/>
      <sheetName val="03公債管理特別会計 (2)"/>
      <sheetName val="04公営競技収益配分金等 (2)"/>
      <sheetName val="05地方消費税清算会計 (2)"/>
      <sheetName val="06災害救助基金会計 (2)"/>
      <sheetName val="08恩賜記念林業振興資金 (2)"/>
      <sheetName val="09林業改善資金会計 (2)"/>
      <sheetName val="10水源環境保全・再生事 (2)"/>
      <sheetName val="11沿岸漁業改善資金会計 (2)"/>
      <sheetName val="12介護保険財政安定化基 (2)"/>
      <sheetName val="13母子父子寡婦福祉資金 (2)"/>
      <sheetName val="14国民健康保険事業会計 (2)"/>
      <sheetName val="15神奈川県立病院機構資 (2)"/>
      <sheetName val="16中小企業資金会計 (2)"/>
      <sheetName val="18県営住宅事業会計 (2)"/>
      <sheetName val="01一般会計"/>
      <sheetName val="02市町村自治振興事業会"/>
      <sheetName val="03公債管理特別会計"/>
      <sheetName val="04公営競技収益配分金等"/>
      <sheetName val="05地方消費税清算会計"/>
      <sheetName val="06災害救助基金会計"/>
      <sheetName val="08恩賜記念林業振興資金"/>
      <sheetName val="09林業改善資金会計"/>
      <sheetName val="10水源環境保全・再生事"/>
      <sheetName val="11沿岸漁業改善資金会計"/>
      <sheetName val="12介護保険財政安定化基"/>
      <sheetName val="13母子父子寡婦福祉資金"/>
      <sheetName val="14国民健康保険事業会計"/>
      <sheetName val="15神奈川県立病院機構資"/>
      <sheetName val="16中小企業資金会計"/>
      <sheetName val="18県営住宅事業会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F79267-2580-433B-9402-5B40A8637EAD}">
  <dimension ref="A2:M80"/>
  <sheetViews>
    <sheetView tabSelected="1" view="pageBreakPreview" zoomScale="115" zoomScaleNormal="115" zoomScaleSheetLayoutView="115" workbookViewId="0">
      <selection activeCell="Q6" sqref="Q6"/>
    </sheetView>
  </sheetViews>
  <sheetFormatPr defaultColWidth="9" defaultRowHeight="28.95" customHeight="1"/>
  <cols>
    <col min="1" max="1" width="2" style="5" customWidth="1"/>
    <col min="2" max="2" width="9.88671875" style="5" customWidth="1"/>
    <col min="3" max="3" width="2" style="5" customWidth="1"/>
    <col min="4" max="4" width="9.88671875" style="5" customWidth="1"/>
    <col min="5" max="6" width="12.44140625" style="5" customWidth="1"/>
    <col min="7" max="7" width="2.109375" style="5" customWidth="1"/>
    <col min="8" max="8" width="13.33203125" style="5" customWidth="1"/>
    <col min="9" max="9" width="10.21875" style="5" customWidth="1"/>
    <col min="10" max="10" width="0.21875" style="5" customWidth="1"/>
    <col min="11" max="11" width="10.21875" style="5" customWidth="1"/>
    <col min="12" max="12" width="2" style="5" customWidth="1"/>
    <col min="13" max="13" width="10.33203125" style="5" customWidth="1"/>
    <col min="14" max="16384" width="9" style="5"/>
  </cols>
  <sheetData>
    <row r="2" spans="1:13" customFormat="1" ht="22.5" customHeight="1">
      <c r="A2" s="77" t="s">
        <v>441</v>
      </c>
      <c r="B2" s="77"/>
      <c r="C2" s="77"/>
      <c r="D2" s="77"/>
      <c r="E2" s="77"/>
      <c r="F2" s="77"/>
      <c r="G2" s="77"/>
      <c r="H2" s="77"/>
      <c r="I2" s="77"/>
      <c r="J2" s="77"/>
      <c r="K2" s="77"/>
      <c r="L2" s="77"/>
      <c r="M2" s="77"/>
    </row>
    <row r="3" spans="1:13" customFormat="1" ht="29.1" customHeight="1">
      <c r="A3" s="78" t="s">
        <v>442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80" t="s">
        <v>0</v>
      </c>
    </row>
    <row r="4" spans="1:13" ht="19.5" customHeight="1">
      <c r="A4" s="73" t="s">
        <v>1</v>
      </c>
      <c r="B4" s="69"/>
      <c r="C4" s="69" t="s">
        <v>2</v>
      </c>
      <c r="D4" s="69"/>
      <c r="E4" s="69" t="s">
        <v>3</v>
      </c>
      <c r="F4" s="69" t="s">
        <v>443</v>
      </c>
      <c r="G4" s="69" t="s">
        <v>444</v>
      </c>
      <c r="H4" s="69"/>
      <c r="I4" s="69" t="s">
        <v>445</v>
      </c>
      <c r="J4" s="69" t="s">
        <v>446</v>
      </c>
      <c r="K4" s="69"/>
      <c r="L4" s="65" t="s">
        <v>447</v>
      </c>
      <c r="M4" s="66"/>
    </row>
    <row r="5" spans="1:13" ht="19.5" customHeight="1">
      <c r="A5" s="74"/>
      <c r="B5" s="70"/>
      <c r="C5" s="70"/>
      <c r="D5" s="70"/>
      <c r="E5" s="70"/>
      <c r="F5" s="70"/>
      <c r="G5" s="70"/>
      <c r="H5" s="70"/>
      <c r="I5" s="70"/>
      <c r="J5" s="70"/>
      <c r="K5" s="70"/>
      <c r="L5" s="67"/>
      <c r="M5" s="68"/>
    </row>
    <row r="6" spans="1:13" ht="10.5" customHeight="1">
      <c r="A6" s="6"/>
      <c r="B6" s="7"/>
      <c r="C6" s="10"/>
      <c r="D6" s="9"/>
      <c r="E6" s="81" t="s">
        <v>8</v>
      </c>
      <c r="F6" s="81" t="s">
        <v>8</v>
      </c>
      <c r="G6" s="82"/>
      <c r="H6" s="11" t="s">
        <v>8</v>
      </c>
      <c r="I6" s="81" t="s">
        <v>8</v>
      </c>
      <c r="J6" s="10"/>
      <c r="K6" s="11" t="s">
        <v>8</v>
      </c>
      <c r="L6" s="10"/>
      <c r="M6" s="12" t="s">
        <v>8</v>
      </c>
    </row>
    <row r="7" spans="1:13" customFormat="1" ht="29.1" customHeight="1">
      <c r="A7" s="20" t="s">
        <v>11</v>
      </c>
      <c r="B7" s="83" t="s">
        <v>448</v>
      </c>
      <c r="C7" s="16"/>
      <c r="D7" s="15"/>
      <c r="E7" s="84" t="s">
        <v>449</v>
      </c>
      <c r="F7" s="84" t="s">
        <v>450</v>
      </c>
      <c r="G7" s="85" t="s">
        <v>451</v>
      </c>
      <c r="H7" s="86" t="s">
        <v>452</v>
      </c>
      <c r="I7" s="84" t="s">
        <v>453</v>
      </c>
      <c r="J7" s="23"/>
      <c r="K7" s="87" t="s">
        <v>454</v>
      </c>
      <c r="L7" s="23"/>
      <c r="M7" s="88" t="s">
        <v>455</v>
      </c>
    </row>
    <row r="8" spans="1:13" customFormat="1" ht="29.1" customHeight="1">
      <c r="A8" s="13"/>
      <c r="B8" s="89"/>
      <c r="C8" s="27" t="s">
        <v>11</v>
      </c>
      <c r="D8" s="26" t="s">
        <v>456</v>
      </c>
      <c r="E8" s="90" t="s">
        <v>457</v>
      </c>
      <c r="F8" s="90" t="s">
        <v>458</v>
      </c>
      <c r="G8" s="91" t="s">
        <v>451</v>
      </c>
      <c r="H8" s="92" t="s">
        <v>459</v>
      </c>
      <c r="I8" s="90" t="s">
        <v>460</v>
      </c>
      <c r="J8" s="27"/>
      <c r="K8" s="93" t="s">
        <v>461</v>
      </c>
      <c r="L8" s="27"/>
      <c r="M8" s="94" t="s">
        <v>462</v>
      </c>
    </row>
    <row r="9" spans="1:13" customFormat="1" ht="29.1" customHeight="1">
      <c r="A9" s="13"/>
      <c r="B9" s="89"/>
      <c r="C9" s="27" t="s">
        <v>17</v>
      </c>
      <c r="D9" s="26" t="s">
        <v>463</v>
      </c>
      <c r="E9" s="90" t="s">
        <v>464</v>
      </c>
      <c r="F9" s="90" t="s">
        <v>465</v>
      </c>
      <c r="G9" s="91" t="s">
        <v>451</v>
      </c>
      <c r="H9" s="92" t="s">
        <v>466</v>
      </c>
      <c r="I9" s="90" t="s">
        <v>467</v>
      </c>
      <c r="J9" s="27"/>
      <c r="K9" s="93" t="s">
        <v>468</v>
      </c>
      <c r="L9" s="27"/>
      <c r="M9" s="94" t="s">
        <v>469</v>
      </c>
    </row>
    <row r="10" spans="1:13" customFormat="1" ht="29.1" customHeight="1">
      <c r="A10" s="13"/>
      <c r="B10" s="89"/>
      <c r="C10" s="27" t="s">
        <v>34</v>
      </c>
      <c r="D10" s="26" t="s">
        <v>470</v>
      </c>
      <c r="E10" s="90" t="s">
        <v>471</v>
      </c>
      <c r="F10" s="90" t="s">
        <v>471</v>
      </c>
      <c r="G10" s="95"/>
      <c r="H10" s="28" t="s">
        <v>471</v>
      </c>
      <c r="I10" s="90" t="s">
        <v>15</v>
      </c>
      <c r="J10" s="27"/>
      <c r="K10" s="93" t="s">
        <v>15</v>
      </c>
      <c r="L10" s="27"/>
      <c r="M10" s="94" t="s">
        <v>15</v>
      </c>
    </row>
    <row r="11" spans="1:13" customFormat="1" ht="29.1" customHeight="1">
      <c r="A11" s="13"/>
      <c r="B11" s="89"/>
      <c r="C11" s="27" t="s">
        <v>41</v>
      </c>
      <c r="D11" s="26" t="s">
        <v>472</v>
      </c>
      <c r="E11" s="90" t="s">
        <v>473</v>
      </c>
      <c r="F11" s="90" t="s">
        <v>474</v>
      </c>
      <c r="G11" s="91" t="s">
        <v>451</v>
      </c>
      <c r="H11" s="92" t="s">
        <v>475</v>
      </c>
      <c r="I11" s="90" t="s">
        <v>476</v>
      </c>
      <c r="J11" s="27"/>
      <c r="K11" s="93" t="s">
        <v>477</v>
      </c>
      <c r="L11" s="27"/>
      <c r="M11" s="94" t="s">
        <v>478</v>
      </c>
    </row>
    <row r="12" spans="1:13" customFormat="1" ht="29.1" customHeight="1">
      <c r="A12" s="13"/>
      <c r="B12" s="89"/>
      <c r="C12" s="27" t="s">
        <v>46</v>
      </c>
      <c r="D12" s="26" t="s">
        <v>479</v>
      </c>
      <c r="E12" s="90" t="s">
        <v>480</v>
      </c>
      <c r="F12" s="90" t="s">
        <v>481</v>
      </c>
      <c r="G12" s="95"/>
      <c r="H12" s="28" t="s">
        <v>481</v>
      </c>
      <c r="I12" s="90" t="s">
        <v>15</v>
      </c>
      <c r="J12" s="27"/>
      <c r="K12" s="93" t="s">
        <v>15</v>
      </c>
      <c r="L12" s="27" t="s">
        <v>482</v>
      </c>
      <c r="M12" s="94" t="s">
        <v>483</v>
      </c>
    </row>
    <row r="13" spans="1:13" customFormat="1" ht="29.1" customHeight="1">
      <c r="A13" s="13"/>
      <c r="B13" s="89"/>
      <c r="C13" s="27" t="s">
        <v>51</v>
      </c>
      <c r="D13" s="26" t="s">
        <v>484</v>
      </c>
      <c r="E13" s="90" t="s">
        <v>485</v>
      </c>
      <c r="F13" s="90" t="s">
        <v>486</v>
      </c>
      <c r="G13" s="95"/>
      <c r="H13" s="28" t="s">
        <v>486</v>
      </c>
      <c r="I13" s="90" t="s">
        <v>15</v>
      </c>
      <c r="J13" s="27"/>
      <c r="K13" s="93" t="s">
        <v>15</v>
      </c>
      <c r="L13" s="27"/>
      <c r="M13" s="94" t="s">
        <v>487</v>
      </c>
    </row>
    <row r="14" spans="1:13" customFormat="1" ht="29.1" customHeight="1">
      <c r="A14" s="13"/>
      <c r="B14" s="89"/>
      <c r="C14" s="27" t="s">
        <v>58</v>
      </c>
      <c r="D14" s="26" t="s">
        <v>488</v>
      </c>
      <c r="E14" s="90" t="s">
        <v>489</v>
      </c>
      <c r="F14" s="90" t="s">
        <v>490</v>
      </c>
      <c r="G14" s="91" t="s">
        <v>451</v>
      </c>
      <c r="H14" s="92" t="s">
        <v>491</v>
      </c>
      <c r="I14" s="90" t="s">
        <v>492</v>
      </c>
      <c r="J14" s="27"/>
      <c r="K14" s="93" t="s">
        <v>493</v>
      </c>
      <c r="L14" s="27" t="s">
        <v>482</v>
      </c>
      <c r="M14" s="94" t="s">
        <v>494</v>
      </c>
    </row>
    <row r="15" spans="1:13" customFormat="1" ht="29.1" customHeight="1">
      <c r="A15" s="13"/>
      <c r="B15" s="89"/>
      <c r="C15" s="27" t="s">
        <v>65</v>
      </c>
      <c r="D15" s="26" t="s">
        <v>495</v>
      </c>
      <c r="E15" s="90" t="s">
        <v>496</v>
      </c>
      <c r="F15" s="90" t="s">
        <v>497</v>
      </c>
      <c r="G15" s="91" t="s">
        <v>451</v>
      </c>
      <c r="H15" s="92" t="s">
        <v>498</v>
      </c>
      <c r="I15" s="90" t="s">
        <v>499</v>
      </c>
      <c r="J15" s="27"/>
      <c r="K15" s="93" t="s">
        <v>500</v>
      </c>
      <c r="L15" s="27"/>
      <c r="M15" s="94" t="s">
        <v>501</v>
      </c>
    </row>
    <row r="16" spans="1:13" customFormat="1" ht="29.1" customHeight="1">
      <c r="A16" s="13"/>
      <c r="B16" s="89"/>
      <c r="C16" s="27" t="s">
        <v>72</v>
      </c>
      <c r="D16" s="26" t="s">
        <v>502</v>
      </c>
      <c r="E16" s="90" t="s">
        <v>503</v>
      </c>
      <c r="F16" s="90" t="s">
        <v>504</v>
      </c>
      <c r="G16" s="95"/>
      <c r="H16" s="28" t="s">
        <v>504</v>
      </c>
      <c r="I16" s="90" t="s">
        <v>15</v>
      </c>
      <c r="J16" s="27"/>
      <c r="K16" s="93" t="s">
        <v>15</v>
      </c>
      <c r="L16" s="27"/>
      <c r="M16" s="94" t="s">
        <v>505</v>
      </c>
    </row>
    <row r="17" spans="1:13" customFormat="1" ht="29.1" customHeight="1">
      <c r="A17" s="13"/>
      <c r="B17" s="89"/>
      <c r="C17" s="27" t="s">
        <v>78</v>
      </c>
      <c r="D17" s="26" t="s">
        <v>506</v>
      </c>
      <c r="E17" s="90" t="s">
        <v>507</v>
      </c>
      <c r="F17" s="90" t="s">
        <v>508</v>
      </c>
      <c r="G17" s="95"/>
      <c r="H17" s="28" t="s">
        <v>509</v>
      </c>
      <c r="I17" s="90" t="s">
        <v>510</v>
      </c>
      <c r="J17" s="27"/>
      <c r="K17" s="93" t="s">
        <v>511</v>
      </c>
      <c r="L17" s="27" t="s">
        <v>482</v>
      </c>
      <c r="M17" s="94" t="s">
        <v>512</v>
      </c>
    </row>
    <row r="18" spans="1:13" customFormat="1" ht="29.1" customHeight="1">
      <c r="A18" s="36" t="s">
        <v>17</v>
      </c>
      <c r="B18" s="37" t="s">
        <v>513</v>
      </c>
      <c r="C18" s="27"/>
      <c r="D18" s="38"/>
      <c r="E18" s="96" t="s">
        <v>514</v>
      </c>
      <c r="F18" s="96" t="s">
        <v>515</v>
      </c>
      <c r="G18" s="97"/>
      <c r="H18" s="98" t="s">
        <v>515</v>
      </c>
      <c r="I18" s="96" t="s">
        <v>15</v>
      </c>
      <c r="J18" s="40"/>
      <c r="K18" s="99" t="s">
        <v>15</v>
      </c>
      <c r="L18" s="40"/>
      <c r="M18" s="100" t="s">
        <v>516</v>
      </c>
    </row>
    <row r="19" spans="1:13" customFormat="1" ht="29.1" customHeight="1">
      <c r="A19" s="13"/>
      <c r="B19" s="89"/>
      <c r="C19" s="27" t="s">
        <v>11</v>
      </c>
      <c r="D19" s="26" t="s">
        <v>517</v>
      </c>
      <c r="E19" s="90" t="s">
        <v>518</v>
      </c>
      <c r="F19" s="90" t="s">
        <v>519</v>
      </c>
      <c r="G19" s="91"/>
      <c r="H19" s="92" t="s">
        <v>519</v>
      </c>
      <c r="I19" s="90" t="s">
        <v>15</v>
      </c>
      <c r="J19" s="27"/>
      <c r="K19" s="93" t="s">
        <v>15</v>
      </c>
      <c r="L19" s="27"/>
      <c r="M19" s="94" t="s">
        <v>520</v>
      </c>
    </row>
    <row r="20" spans="1:13" customFormat="1" ht="29.1" customHeight="1">
      <c r="A20" s="13"/>
      <c r="B20" s="89"/>
      <c r="C20" s="27" t="s">
        <v>17</v>
      </c>
      <c r="D20" s="26" t="s">
        <v>521</v>
      </c>
      <c r="E20" s="90" t="s">
        <v>522</v>
      </c>
      <c r="F20" s="90" t="s">
        <v>523</v>
      </c>
      <c r="G20" s="91"/>
      <c r="H20" s="92" t="s">
        <v>523</v>
      </c>
      <c r="I20" s="90" t="s">
        <v>15</v>
      </c>
      <c r="J20" s="27"/>
      <c r="K20" s="93" t="s">
        <v>15</v>
      </c>
      <c r="L20" s="27"/>
      <c r="M20" s="94" t="s">
        <v>524</v>
      </c>
    </row>
    <row r="21" spans="1:13" customFormat="1" ht="29.1" customHeight="1">
      <c r="A21" s="13"/>
      <c r="B21" s="89"/>
      <c r="C21" s="27" t="s">
        <v>34</v>
      </c>
      <c r="D21" s="26" t="s">
        <v>525</v>
      </c>
      <c r="E21" s="90" t="s">
        <v>526</v>
      </c>
      <c r="F21" s="90" t="s">
        <v>527</v>
      </c>
      <c r="G21" s="95"/>
      <c r="H21" s="28" t="s">
        <v>527</v>
      </c>
      <c r="I21" s="90" t="s">
        <v>15</v>
      </c>
      <c r="J21" s="27"/>
      <c r="K21" s="93" t="s">
        <v>15</v>
      </c>
      <c r="L21" s="27" t="s">
        <v>482</v>
      </c>
      <c r="M21" s="94" t="s">
        <v>528</v>
      </c>
    </row>
    <row r="22" spans="1:13" customFormat="1" ht="29.1" customHeight="1">
      <c r="A22" s="13"/>
      <c r="B22" s="89"/>
      <c r="C22" s="27" t="s">
        <v>41</v>
      </c>
      <c r="D22" s="26" t="s">
        <v>529</v>
      </c>
      <c r="E22" s="90" t="s">
        <v>530</v>
      </c>
      <c r="F22" s="90" t="s">
        <v>531</v>
      </c>
      <c r="G22" s="91"/>
      <c r="H22" s="92" t="s">
        <v>531</v>
      </c>
      <c r="I22" s="90" t="s">
        <v>15</v>
      </c>
      <c r="J22" s="27"/>
      <c r="K22" s="93" t="s">
        <v>15</v>
      </c>
      <c r="L22" s="27" t="s">
        <v>482</v>
      </c>
      <c r="M22" s="94" t="s">
        <v>532</v>
      </c>
    </row>
    <row r="23" spans="1:13" customFormat="1" ht="29.1" customHeight="1">
      <c r="A23" s="13"/>
      <c r="B23" s="89"/>
      <c r="C23" s="27" t="s">
        <v>46</v>
      </c>
      <c r="D23" s="26" t="s">
        <v>533</v>
      </c>
      <c r="E23" s="90" t="s">
        <v>534</v>
      </c>
      <c r="F23" s="90" t="s">
        <v>535</v>
      </c>
      <c r="G23" s="95"/>
      <c r="H23" s="28" t="s">
        <v>535</v>
      </c>
      <c r="I23" s="90" t="s">
        <v>15</v>
      </c>
      <c r="J23" s="27"/>
      <c r="K23" s="93" t="s">
        <v>15</v>
      </c>
      <c r="L23" s="27" t="s">
        <v>482</v>
      </c>
      <c r="M23" s="94" t="s">
        <v>536</v>
      </c>
    </row>
    <row r="24" spans="1:13" customFormat="1" ht="29.1" customHeight="1">
      <c r="A24" s="36" t="s">
        <v>34</v>
      </c>
      <c r="B24" s="37" t="s">
        <v>537</v>
      </c>
      <c r="C24" s="27"/>
      <c r="D24" s="38"/>
      <c r="E24" s="96" t="s">
        <v>538</v>
      </c>
      <c r="F24" s="96" t="s">
        <v>538</v>
      </c>
      <c r="G24" s="97"/>
      <c r="H24" s="98" t="s">
        <v>538</v>
      </c>
      <c r="I24" s="96" t="s">
        <v>15</v>
      </c>
      <c r="J24" s="40"/>
      <c r="K24" s="99" t="s">
        <v>15</v>
      </c>
      <c r="L24" s="40"/>
      <c r="M24" s="100" t="s">
        <v>15</v>
      </c>
    </row>
    <row r="25" spans="1:13" customFormat="1" ht="29.1" customHeight="1">
      <c r="A25" s="13"/>
      <c r="B25" s="89"/>
      <c r="C25" s="27" t="s">
        <v>11</v>
      </c>
      <c r="D25" s="26" t="s">
        <v>537</v>
      </c>
      <c r="E25" s="90" t="s">
        <v>538</v>
      </c>
      <c r="F25" s="90" t="s">
        <v>538</v>
      </c>
      <c r="G25" s="91"/>
      <c r="H25" s="92" t="s">
        <v>538</v>
      </c>
      <c r="I25" s="90" t="s">
        <v>15</v>
      </c>
      <c r="J25" s="27"/>
      <c r="K25" s="93" t="s">
        <v>15</v>
      </c>
      <c r="L25" s="27"/>
      <c r="M25" s="94" t="s">
        <v>15</v>
      </c>
    </row>
    <row r="26" spans="1:13" customFormat="1" ht="29.1" customHeight="1">
      <c r="A26" s="36" t="s">
        <v>41</v>
      </c>
      <c r="B26" s="37" t="s">
        <v>539</v>
      </c>
      <c r="C26" s="27"/>
      <c r="D26" s="38"/>
      <c r="E26" s="96" t="s">
        <v>540</v>
      </c>
      <c r="F26" s="96" t="s">
        <v>541</v>
      </c>
      <c r="G26" s="97"/>
      <c r="H26" s="98" t="s">
        <v>541</v>
      </c>
      <c r="I26" s="96" t="s">
        <v>15</v>
      </c>
      <c r="J26" s="40"/>
      <c r="K26" s="99" t="s">
        <v>15</v>
      </c>
      <c r="L26" s="40"/>
      <c r="M26" s="100" t="s">
        <v>542</v>
      </c>
    </row>
    <row r="27" spans="1:13" customFormat="1" ht="29.1" customHeight="1">
      <c r="A27" s="13"/>
      <c r="B27" s="89"/>
      <c r="C27" s="27" t="s">
        <v>11</v>
      </c>
      <c r="D27" s="26" t="s">
        <v>539</v>
      </c>
      <c r="E27" s="90" t="s">
        <v>540</v>
      </c>
      <c r="F27" s="90" t="s">
        <v>541</v>
      </c>
      <c r="G27" s="91"/>
      <c r="H27" s="92" t="s">
        <v>541</v>
      </c>
      <c r="I27" s="90" t="s">
        <v>15</v>
      </c>
      <c r="J27" s="27"/>
      <c r="K27" s="93" t="s">
        <v>15</v>
      </c>
      <c r="L27" s="27"/>
      <c r="M27" s="94" t="s">
        <v>542</v>
      </c>
    </row>
    <row r="28" spans="1:13" customFormat="1" ht="29.1" customHeight="1">
      <c r="A28" s="36" t="s">
        <v>46</v>
      </c>
      <c r="B28" s="37" t="s">
        <v>543</v>
      </c>
      <c r="C28" s="27"/>
      <c r="D28" s="38"/>
      <c r="E28" s="96" t="s">
        <v>544</v>
      </c>
      <c r="F28" s="96" t="s">
        <v>545</v>
      </c>
      <c r="G28" s="97"/>
      <c r="H28" s="98" t="s">
        <v>545</v>
      </c>
      <c r="I28" s="96" t="s">
        <v>15</v>
      </c>
      <c r="J28" s="40"/>
      <c r="K28" s="99" t="s">
        <v>15</v>
      </c>
      <c r="L28" s="40" t="s">
        <v>482</v>
      </c>
      <c r="M28" s="100" t="s">
        <v>546</v>
      </c>
    </row>
    <row r="29" spans="1:13" customFormat="1" ht="29.1" customHeight="1">
      <c r="A29" s="13"/>
      <c r="B29" s="89"/>
      <c r="C29" s="27" t="s">
        <v>11</v>
      </c>
      <c r="D29" s="26" t="s">
        <v>543</v>
      </c>
      <c r="E29" s="90" t="s">
        <v>544</v>
      </c>
      <c r="F29" s="90" t="s">
        <v>545</v>
      </c>
      <c r="G29" s="91"/>
      <c r="H29" s="92" t="s">
        <v>545</v>
      </c>
      <c r="I29" s="90" t="s">
        <v>15</v>
      </c>
      <c r="J29" s="27"/>
      <c r="K29" s="93" t="s">
        <v>15</v>
      </c>
      <c r="L29" s="27" t="s">
        <v>482</v>
      </c>
      <c r="M29" s="94" t="s">
        <v>546</v>
      </c>
    </row>
    <row r="30" spans="1:13" customFormat="1" ht="29.1" customHeight="1">
      <c r="A30" s="36" t="s">
        <v>51</v>
      </c>
      <c r="B30" s="37" t="s">
        <v>547</v>
      </c>
      <c r="C30" s="27"/>
      <c r="D30" s="38"/>
      <c r="E30" s="96" t="s">
        <v>548</v>
      </c>
      <c r="F30" s="96" t="s">
        <v>549</v>
      </c>
      <c r="G30" s="97"/>
      <c r="H30" s="98" t="s">
        <v>550</v>
      </c>
      <c r="I30" s="96" t="s">
        <v>551</v>
      </c>
      <c r="J30" s="40"/>
      <c r="K30" s="99" t="s">
        <v>552</v>
      </c>
      <c r="L30" s="40" t="s">
        <v>482</v>
      </c>
      <c r="M30" s="100" t="s">
        <v>553</v>
      </c>
    </row>
    <row r="31" spans="1:13" customFormat="1" ht="29.1" customHeight="1">
      <c r="A31" s="30"/>
      <c r="B31" s="31"/>
      <c r="C31" s="32" t="s">
        <v>11</v>
      </c>
      <c r="D31" s="33" t="s">
        <v>554</v>
      </c>
      <c r="E31" s="101" t="s">
        <v>555</v>
      </c>
      <c r="F31" s="101" t="s">
        <v>556</v>
      </c>
      <c r="G31" s="102"/>
      <c r="H31" s="103" t="s">
        <v>556</v>
      </c>
      <c r="I31" s="101" t="s">
        <v>15</v>
      </c>
      <c r="J31" s="32"/>
      <c r="K31" s="104" t="s">
        <v>15</v>
      </c>
      <c r="L31" s="32" t="s">
        <v>482</v>
      </c>
      <c r="M31" s="105" t="s">
        <v>557</v>
      </c>
    </row>
    <row r="36" spans="1:13" ht="19.5" customHeight="1">
      <c r="A36" s="73" t="s">
        <v>1</v>
      </c>
      <c r="B36" s="69"/>
      <c r="C36" s="69" t="s">
        <v>2</v>
      </c>
      <c r="D36" s="69"/>
      <c r="E36" s="69" t="s">
        <v>3</v>
      </c>
      <c r="F36" s="69" t="s">
        <v>443</v>
      </c>
      <c r="G36" s="69" t="s">
        <v>444</v>
      </c>
      <c r="H36" s="69"/>
      <c r="I36" s="69" t="s">
        <v>445</v>
      </c>
      <c r="J36" s="69" t="s">
        <v>446</v>
      </c>
      <c r="K36" s="69"/>
      <c r="L36" s="65" t="s">
        <v>447</v>
      </c>
      <c r="M36" s="66"/>
    </row>
    <row r="37" spans="1:13" ht="19.5" customHeight="1">
      <c r="A37" s="74"/>
      <c r="B37" s="70"/>
      <c r="C37" s="70"/>
      <c r="D37" s="70"/>
      <c r="E37" s="70"/>
      <c r="F37" s="70"/>
      <c r="G37" s="70"/>
      <c r="H37" s="70"/>
      <c r="I37" s="70"/>
      <c r="J37" s="70"/>
      <c r="K37" s="70"/>
      <c r="L37" s="67"/>
      <c r="M37" s="68"/>
    </row>
    <row r="38" spans="1:13" ht="10.5" customHeight="1">
      <c r="A38" s="6"/>
      <c r="B38" s="7"/>
      <c r="C38" s="10"/>
      <c r="D38" s="9"/>
      <c r="E38" s="81" t="s">
        <v>8</v>
      </c>
      <c r="F38" s="81" t="s">
        <v>8</v>
      </c>
      <c r="G38" s="82"/>
      <c r="H38" s="11" t="s">
        <v>8</v>
      </c>
      <c r="I38" s="81" t="s">
        <v>8</v>
      </c>
      <c r="J38" s="10"/>
      <c r="K38" s="11" t="s">
        <v>8</v>
      </c>
      <c r="L38" s="10"/>
      <c r="M38" s="12" t="s">
        <v>8</v>
      </c>
    </row>
    <row r="39" spans="1:13" customFormat="1" ht="29.1" customHeight="1">
      <c r="A39" s="13"/>
      <c r="B39" s="89"/>
      <c r="C39" s="16" t="s">
        <v>17</v>
      </c>
      <c r="D39" s="25" t="s">
        <v>558</v>
      </c>
      <c r="E39" s="106" t="s">
        <v>559</v>
      </c>
      <c r="F39" s="106" t="s">
        <v>560</v>
      </c>
      <c r="G39" s="107"/>
      <c r="H39" s="108" t="s">
        <v>561</v>
      </c>
      <c r="I39" s="106" t="s">
        <v>551</v>
      </c>
      <c r="J39" s="16"/>
      <c r="K39" s="109" t="s">
        <v>552</v>
      </c>
      <c r="L39" s="16" t="s">
        <v>482</v>
      </c>
      <c r="M39" s="110" t="s">
        <v>562</v>
      </c>
    </row>
    <row r="40" spans="1:13" customFormat="1" ht="29.1" customHeight="1">
      <c r="A40" s="36" t="s">
        <v>58</v>
      </c>
      <c r="B40" s="37" t="s">
        <v>563</v>
      </c>
      <c r="C40" s="27"/>
      <c r="D40" s="38"/>
      <c r="E40" s="96" t="s">
        <v>564</v>
      </c>
      <c r="F40" s="96" t="s">
        <v>565</v>
      </c>
      <c r="G40" s="97" t="s">
        <v>451</v>
      </c>
      <c r="H40" s="98" t="s">
        <v>566</v>
      </c>
      <c r="I40" s="96" t="s">
        <v>567</v>
      </c>
      <c r="J40" s="40"/>
      <c r="K40" s="99" t="s">
        <v>568</v>
      </c>
      <c r="L40" s="40" t="s">
        <v>482</v>
      </c>
      <c r="M40" s="100" t="s">
        <v>569</v>
      </c>
    </row>
    <row r="41" spans="1:13" customFormat="1" ht="29.1" customHeight="1">
      <c r="A41" s="13"/>
      <c r="B41" s="89"/>
      <c r="C41" s="27" t="s">
        <v>11</v>
      </c>
      <c r="D41" s="26" t="s">
        <v>570</v>
      </c>
      <c r="E41" s="90" t="s">
        <v>571</v>
      </c>
      <c r="F41" s="90" t="s">
        <v>572</v>
      </c>
      <c r="G41" s="91" t="s">
        <v>451</v>
      </c>
      <c r="H41" s="92" t="s">
        <v>573</v>
      </c>
      <c r="I41" s="90" t="s">
        <v>567</v>
      </c>
      <c r="J41" s="27"/>
      <c r="K41" s="93" t="s">
        <v>574</v>
      </c>
      <c r="L41" s="27" t="s">
        <v>482</v>
      </c>
      <c r="M41" s="94" t="s">
        <v>575</v>
      </c>
    </row>
    <row r="42" spans="1:13" customFormat="1" ht="29.1" customHeight="1">
      <c r="A42" s="13"/>
      <c r="B42" s="89"/>
      <c r="C42" s="27" t="s">
        <v>17</v>
      </c>
      <c r="D42" s="26" t="s">
        <v>576</v>
      </c>
      <c r="E42" s="90" t="s">
        <v>577</v>
      </c>
      <c r="F42" s="90" t="s">
        <v>578</v>
      </c>
      <c r="G42" s="91"/>
      <c r="H42" s="92" t="s">
        <v>579</v>
      </c>
      <c r="I42" s="90" t="s">
        <v>15</v>
      </c>
      <c r="J42" s="27"/>
      <c r="K42" s="93" t="s">
        <v>580</v>
      </c>
      <c r="L42" s="27"/>
      <c r="M42" s="94" t="s">
        <v>581</v>
      </c>
    </row>
    <row r="43" spans="1:13" customFormat="1" ht="29.1" customHeight="1">
      <c r="A43" s="13"/>
      <c r="B43" s="89"/>
      <c r="C43" s="27" t="s">
        <v>34</v>
      </c>
      <c r="D43" s="26" t="s">
        <v>582</v>
      </c>
      <c r="E43" s="90" t="s">
        <v>583</v>
      </c>
      <c r="F43" s="90" t="s">
        <v>584</v>
      </c>
      <c r="G43" s="95"/>
      <c r="H43" s="28" t="s">
        <v>584</v>
      </c>
      <c r="I43" s="90" t="s">
        <v>15</v>
      </c>
      <c r="J43" s="27"/>
      <c r="K43" s="93" t="s">
        <v>15</v>
      </c>
      <c r="L43" s="27" t="s">
        <v>482</v>
      </c>
      <c r="M43" s="94" t="s">
        <v>585</v>
      </c>
    </row>
    <row r="44" spans="1:13" customFormat="1" ht="29.1" customHeight="1">
      <c r="A44" s="36" t="s">
        <v>65</v>
      </c>
      <c r="B44" s="37" t="s">
        <v>586</v>
      </c>
      <c r="C44" s="27"/>
      <c r="D44" s="38"/>
      <c r="E44" s="96" t="s">
        <v>587</v>
      </c>
      <c r="F44" s="96" t="s">
        <v>588</v>
      </c>
      <c r="G44" s="97"/>
      <c r="H44" s="98" t="s">
        <v>588</v>
      </c>
      <c r="I44" s="96" t="s">
        <v>15</v>
      </c>
      <c r="J44" s="40"/>
      <c r="K44" s="99" t="s">
        <v>15</v>
      </c>
      <c r="L44" s="40" t="s">
        <v>482</v>
      </c>
      <c r="M44" s="100" t="s">
        <v>589</v>
      </c>
    </row>
    <row r="45" spans="1:13" customFormat="1" ht="29.1" customHeight="1">
      <c r="A45" s="13"/>
      <c r="B45" s="89"/>
      <c r="C45" s="27" t="s">
        <v>11</v>
      </c>
      <c r="D45" s="26" t="s">
        <v>590</v>
      </c>
      <c r="E45" s="90" t="s">
        <v>591</v>
      </c>
      <c r="F45" s="90" t="s">
        <v>592</v>
      </c>
      <c r="G45" s="91"/>
      <c r="H45" s="92" t="s">
        <v>592</v>
      </c>
      <c r="I45" s="90" t="s">
        <v>15</v>
      </c>
      <c r="J45" s="27"/>
      <c r="K45" s="93" t="s">
        <v>15</v>
      </c>
      <c r="L45" s="27" t="s">
        <v>482</v>
      </c>
      <c r="M45" s="94" t="s">
        <v>593</v>
      </c>
    </row>
    <row r="46" spans="1:13" customFormat="1" ht="29.1" customHeight="1">
      <c r="A46" s="13"/>
      <c r="B46" s="89"/>
      <c r="C46" s="27" t="s">
        <v>17</v>
      </c>
      <c r="D46" s="26" t="s">
        <v>594</v>
      </c>
      <c r="E46" s="90" t="s">
        <v>595</v>
      </c>
      <c r="F46" s="90" t="s">
        <v>596</v>
      </c>
      <c r="G46" s="91"/>
      <c r="H46" s="92" t="s">
        <v>596</v>
      </c>
      <c r="I46" s="90" t="s">
        <v>15</v>
      </c>
      <c r="J46" s="27"/>
      <c r="K46" s="93" t="s">
        <v>15</v>
      </c>
      <c r="L46" s="27" t="s">
        <v>482</v>
      </c>
      <c r="M46" s="94" t="s">
        <v>597</v>
      </c>
    </row>
    <row r="47" spans="1:13" customFormat="1" ht="29.1" customHeight="1">
      <c r="A47" s="13"/>
      <c r="B47" s="89"/>
      <c r="C47" s="27" t="s">
        <v>34</v>
      </c>
      <c r="D47" s="26" t="s">
        <v>598</v>
      </c>
      <c r="E47" s="90" t="s">
        <v>599</v>
      </c>
      <c r="F47" s="90" t="s">
        <v>600</v>
      </c>
      <c r="G47" s="95"/>
      <c r="H47" s="28" t="s">
        <v>600</v>
      </c>
      <c r="I47" s="90" t="s">
        <v>15</v>
      </c>
      <c r="J47" s="27"/>
      <c r="K47" s="93" t="s">
        <v>15</v>
      </c>
      <c r="L47" s="27" t="s">
        <v>482</v>
      </c>
      <c r="M47" s="94" t="s">
        <v>601</v>
      </c>
    </row>
    <row r="48" spans="1:13" customFormat="1" ht="29.1" customHeight="1">
      <c r="A48" s="36" t="s">
        <v>72</v>
      </c>
      <c r="B48" s="37" t="s">
        <v>602</v>
      </c>
      <c r="C48" s="27"/>
      <c r="D48" s="38"/>
      <c r="E48" s="96" t="s">
        <v>603</v>
      </c>
      <c r="F48" s="96" t="s">
        <v>604</v>
      </c>
      <c r="G48" s="97"/>
      <c r="H48" s="98" t="s">
        <v>605</v>
      </c>
      <c r="I48" s="96" t="s">
        <v>15</v>
      </c>
      <c r="J48" s="40"/>
      <c r="K48" s="99" t="s">
        <v>606</v>
      </c>
      <c r="L48" s="40"/>
      <c r="M48" s="100" t="s">
        <v>607</v>
      </c>
    </row>
    <row r="49" spans="1:13" customFormat="1" ht="29.1" customHeight="1">
      <c r="A49" s="13"/>
      <c r="B49" s="89"/>
      <c r="C49" s="27" t="s">
        <v>11</v>
      </c>
      <c r="D49" s="26" t="s">
        <v>608</v>
      </c>
      <c r="E49" s="90" t="s">
        <v>609</v>
      </c>
      <c r="F49" s="90" t="s">
        <v>610</v>
      </c>
      <c r="G49" s="91"/>
      <c r="H49" s="92" t="s">
        <v>611</v>
      </c>
      <c r="I49" s="90" t="s">
        <v>15</v>
      </c>
      <c r="J49" s="27"/>
      <c r="K49" s="93" t="s">
        <v>612</v>
      </c>
      <c r="L49" s="27"/>
      <c r="M49" s="94" t="s">
        <v>613</v>
      </c>
    </row>
    <row r="50" spans="1:13" customFormat="1" ht="29.1" customHeight="1">
      <c r="A50" s="13"/>
      <c r="B50" s="89"/>
      <c r="C50" s="27" t="s">
        <v>17</v>
      </c>
      <c r="D50" s="26" t="s">
        <v>614</v>
      </c>
      <c r="E50" s="90" t="s">
        <v>615</v>
      </c>
      <c r="F50" s="90" t="s">
        <v>616</v>
      </c>
      <c r="G50" s="91"/>
      <c r="H50" s="92" t="s">
        <v>617</v>
      </c>
      <c r="I50" s="90" t="s">
        <v>15</v>
      </c>
      <c r="J50" s="27"/>
      <c r="K50" s="93" t="s">
        <v>618</v>
      </c>
      <c r="L50" s="27"/>
      <c r="M50" s="94" t="s">
        <v>619</v>
      </c>
    </row>
    <row r="51" spans="1:13" customFormat="1" ht="29.1" customHeight="1">
      <c r="A51" s="36" t="s">
        <v>78</v>
      </c>
      <c r="B51" s="37" t="s">
        <v>620</v>
      </c>
      <c r="C51" s="27"/>
      <c r="D51" s="38"/>
      <c r="E51" s="96" t="s">
        <v>621</v>
      </c>
      <c r="F51" s="96" t="s">
        <v>622</v>
      </c>
      <c r="G51" s="97"/>
      <c r="H51" s="98" t="s">
        <v>622</v>
      </c>
      <c r="I51" s="96" t="s">
        <v>15</v>
      </c>
      <c r="J51" s="40"/>
      <c r="K51" s="99" t="s">
        <v>15</v>
      </c>
      <c r="L51" s="40" t="s">
        <v>482</v>
      </c>
      <c r="M51" s="100" t="s">
        <v>623</v>
      </c>
    </row>
    <row r="52" spans="1:13" customFormat="1" ht="29.1" customHeight="1">
      <c r="A52" s="13"/>
      <c r="B52" s="89"/>
      <c r="C52" s="27" t="s">
        <v>11</v>
      </c>
      <c r="D52" s="26" t="s">
        <v>620</v>
      </c>
      <c r="E52" s="90" t="s">
        <v>621</v>
      </c>
      <c r="F52" s="90" t="s">
        <v>622</v>
      </c>
      <c r="G52" s="91"/>
      <c r="H52" s="92" t="s">
        <v>622</v>
      </c>
      <c r="I52" s="90" t="s">
        <v>15</v>
      </c>
      <c r="J52" s="27"/>
      <c r="K52" s="93" t="s">
        <v>15</v>
      </c>
      <c r="L52" s="27" t="s">
        <v>482</v>
      </c>
      <c r="M52" s="94" t="s">
        <v>623</v>
      </c>
    </row>
    <row r="53" spans="1:13" customFormat="1" ht="29.1" customHeight="1">
      <c r="A53" s="36" t="s">
        <v>85</v>
      </c>
      <c r="B53" s="37" t="s">
        <v>624</v>
      </c>
      <c r="C53" s="27"/>
      <c r="D53" s="38"/>
      <c r="E53" s="96" t="s">
        <v>625</v>
      </c>
      <c r="F53" s="96" t="s">
        <v>626</v>
      </c>
      <c r="G53" s="97"/>
      <c r="H53" s="98" t="s">
        <v>626</v>
      </c>
      <c r="I53" s="96" t="s">
        <v>15</v>
      </c>
      <c r="J53" s="40"/>
      <c r="K53" s="99" t="s">
        <v>15</v>
      </c>
      <c r="L53" s="40" t="s">
        <v>482</v>
      </c>
      <c r="M53" s="100" t="s">
        <v>627</v>
      </c>
    </row>
    <row r="54" spans="1:13" customFormat="1" ht="29.1" customHeight="1">
      <c r="A54" s="13"/>
      <c r="B54" s="89"/>
      <c r="C54" s="27" t="s">
        <v>11</v>
      </c>
      <c r="D54" s="26" t="s">
        <v>628</v>
      </c>
      <c r="E54" s="90" t="s">
        <v>629</v>
      </c>
      <c r="F54" s="90" t="s">
        <v>630</v>
      </c>
      <c r="G54" s="91"/>
      <c r="H54" s="92" t="s">
        <v>630</v>
      </c>
      <c r="I54" s="90" t="s">
        <v>15</v>
      </c>
      <c r="J54" s="27"/>
      <c r="K54" s="93" t="s">
        <v>15</v>
      </c>
      <c r="L54" s="27" t="s">
        <v>482</v>
      </c>
      <c r="M54" s="94" t="s">
        <v>631</v>
      </c>
    </row>
    <row r="55" spans="1:13" customFormat="1" ht="29.1" customHeight="1">
      <c r="A55" s="13"/>
      <c r="B55" s="89"/>
      <c r="C55" s="27" t="s">
        <v>17</v>
      </c>
      <c r="D55" s="26" t="s">
        <v>632</v>
      </c>
      <c r="E55" s="90" t="s">
        <v>633</v>
      </c>
      <c r="F55" s="90" t="s">
        <v>634</v>
      </c>
      <c r="G55" s="91"/>
      <c r="H55" s="92" t="s">
        <v>634</v>
      </c>
      <c r="I55" s="90" t="s">
        <v>15</v>
      </c>
      <c r="J55" s="27"/>
      <c r="K55" s="93" t="s">
        <v>15</v>
      </c>
      <c r="L55" s="27" t="s">
        <v>482</v>
      </c>
      <c r="M55" s="94" t="s">
        <v>635</v>
      </c>
    </row>
    <row r="56" spans="1:13" customFormat="1" ht="29.1" customHeight="1">
      <c r="A56" s="36" t="s">
        <v>90</v>
      </c>
      <c r="B56" s="37" t="s">
        <v>636</v>
      </c>
      <c r="C56" s="27"/>
      <c r="D56" s="38"/>
      <c r="E56" s="96" t="s">
        <v>637</v>
      </c>
      <c r="F56" s="96" t="s">
        <v>638</v>
      </c>
      <c r="G56" s="97"/>
      <c r="H56" s="98" t="s">
        <v>638</v>
      </c>
      <c r="I56" s="96" t="s">
        <v>15</v>
      </c>
      <c r="J56" s="40"/>
      <c r="K56" s="99" t="s">
        <v>15</v>
      </c>
      <c r="L56" s="40"/>
      <c r="M56" s="100" t="s">
        <v>639</v>
      </c>
    </row>
    <row r="57" spans="1:13" customFormat="1" ht="29.1" customHeight="1">
      <c r="A57" s="13"/>
      <c r="B57" s="89"/>
      <c r="C57" s="27" t="s">
        <v>11</v>
      </c>
      <c r="D57" s="26" t="s">
        <v>636</v>
      </c>
      <c r="E57" s="90" t="s">
        <v>637</v>
      </c>
      <c r="F57" s="90" t="s">
        <v>638</v>
      </c>
      <c r="G57" s="91"/>
      <c r="H57" s="92" t="s">
        <v>638</v>
      </c>
      <c r="I57" s="90" t="s">
        <v>15</v>
      </c>
      <c r="J57" s="27"/>
      <c r="K57" s="93" t="s">
        <v>15</v>
      </c>
      <c r="L57" s="27"/>
      <c r="M57" s="94" t="s">
        <v>639</v>
      </c>
    </row>
    <row r="58" spans="1:13" customFormat="1" ht="29.1" customHeight="1">
      <c r="A58" s="36" t="s">
        <v>412</v>
      </c>
      <c r="B58" s="37" t="s">
        <v>640</v>
      </c>
      <c r="C58" s="27"/>
      <c r="D58" s="38"/>
      <c r="E58" s="96" t="s">
        <v>641</v>
      </c>
      <c r="F58" s="96" t="s">
        <v>642</v>
      </c>
      <c r="G58" s="97" t="s">
        <v>451</v>
      </c>
      <c r="H58" s="98" t="s">
        <v>643</v>
      </c>
      <c r="I58" s="96" t="s">
        <v>644</v>
      </c>
      <c r="J58" s="40"/>
      <c r="K58" s="99" t="s">
        <v>645</v>
      </c>
      <c r="L58" s="40"/>
      <c r="M58" s="100" t="s">
        <v>646</v>
      </c>
    </row>
    <row r="59" spans="1:13" customFormat="1" ht="29.1" customHeight="1">
      <c r="A59" s="13"/>
      <c r="B59" s="89"/>
      <c r="C59" s="27" t="s">
        <v>11</v>
      </c>
      <c r="D59" s="111" t="s">
        <v>647</v>
      </c>
      <c r="E59" s="90" t="s">
        <v>648</v>
      </c>
      <c r="F59" s="90" t="s">
        <v>649</v>
      </c>
      <c r="G59" s="91" t="s">
        <v>451</v>
      </c>
      <c r="H59" s="92" t="s">
        <v>650</v>
      </c>
      <c r="I59" s="90" t="s">
        <v>651</v>
      </c>
      <c r="J59" s="27"/>
      <c r="K59" s="93" t="s">
        <v>652</v>
      </c>
      <c r="L59" s="27" t="s">
        <v>482</v>
      </c>
      <c r="M59" s="94" t="s">
        <v>653</v>
      </c>
    </row>
    <row r="60" spans="1:13" customFormat="1" ht="29.1" customHeight="1">
      <c r="A60" s="13"/>
      <c r="B60" s="89"/>
      <c r="C60" s="27" t="s">
        <v>17</v>
      </c>
      <c r="D60" s="26" t="s">
        <v>654</v>
      </c>
      <c r="E60" s="90" t="s">
        <v>655</v>
      </c>
      <c r="F60" s="90" t="s">
        <v>656</v>
      </c>
      <c r="G60" s="91"/>
      <c r="H60" s="92" t="s">
        <v>656</v>
      </c>
      <c r="I60" s="90" t="s">
        <v>15</v>
      </c>
      <c r="J60" s="27"/>
      <c r="K60" s="93" t="s">
        <v>15</v>
      </c>
      <c r="L60" s="27"/>
      <c r="M60" s="94" t="s">
        <v>657</v>
      </c>
    </row>
    <row r="61" spans="1:13" customFormat="1" ht="29.1" customHeight="1">
      <c r="A61" s="13"/>
      <c r="B61" s="89"/>
      <c r="C61" s="27" t="s">
        <v>34</v>
      </c>
      <c r="D61" s="26" t="s">
        <v>658</v>
      </c>
      <c r="E61" s="90" t="s">
        <v>659</v>
      </c>
      <c r="F61" s="90" t="s">
        <v>660</v>
      </c>
      <c r="G61" s="95"/>
      <c r="H61" s="28" t="s">
        <v>661</v>
      </c>
      <c r="I61" s="90" t="s">
        <v>662</v>
      </c>
      <c r="J61" s="27"/>
      <c r="K61" s="93" t="s">
        <v>663</v>
      </c>
      <c r="L61" s="27"/>
      <c r="M61" s="94" t="s">
        <v>664</v>
      </c>
    </row>
    <row r="62" spans="1:13" customFormat="1" ht="29.1" customHeight="1">
      <c r="A62" s="13"/>
      <c r="B62" s="89"/>
      <c r="C62" s="27" t="s">
        <v>41</v>
      </c>
      <c r="D62" s="26" t="s">
        <v>665</v>
      </c>
      <c r="E62" s="90" t="s">
        <v>666</v>
      </c>
      <c r="F62" s="90" t="s">
        <v>667</v>
      </c>
      <c r="G62" s="91"/>
      <c r="H62" s="92" t="s">
        <v>667</v>
      </c>
      <c r="I62" s="90" t="s">
        <v>15</v>
      </c>
      <c r="J62" s="27"/>
      <c r="K62" s="93" t="s">
        <v>15</v>
      </c>
      <c r="L62" s="27" t="s">
        <v>482</v>
      </c>
      <c r="M62" s="94" t="s">
        <v>668</v>
      </c>
    </row>
    <row r="63" spans="1:13" customFormat="1" ht="29.1" customHeight="1">
      <c r="A63" s="30"/>
      <c r="B63" s="31"/>
      <c r="C63" s="32" t="s">
        <v>46</v>
      </c>
      <c r="D63" s="33" t="s">
        <v>669</v>
      </c>
      <c r="E63" s="101" t="s">
        <v>670</v>
      </c>
      <c r="F63" s="101" t="s">
        <v>671</v>
      </c>
      <c r="G63" s="112"/>
      <c r="H63" s="34" t="s">
        <v>671</v>
      </c>
      <c r="I63" s="101" t="s">
        <v>15</v>
      </c>
      <c r="J63" s="32"/>
      <c r="K63" s="104" t="s">
        <v>15</v>
      </c>
      <c r="L63" s="32" t="s">
        <v>482</v>
      </c>
      <c r="M63" s="105" t="s">
        <v>672</v>
      </c>
    </row>
    <row r="68" spans="1:13" ht="19.5" customHeight="1">
      <c r="A68" s="73" t="s">
        <v>1</v>
      </c>
      <c r="B68" s="69"/>
      <c r="C68" s="69" t="s">
        <v>2</v>
      </c>
      <c r="D68" s="69"/>
      <c r="E68" s="69" t="s">
        <v>3</v>
      </c>
      <c r="F68" s="69" t="s">
        <v>443</v>
      </c>
      <c r="G68" s="69" t="s">
        <v>444</v>
      </c>
      <c r="H68" s="69"/>
      <c r="I68" s="69" t="s">
        <v>445</v>
      </c>
      <c r="J68" s="69" t="s">
        <v>446</v>
      </c>
      <c r="K68" s="69"/>
      <c r="L68" s="65" t="s">
        <v>447</v>
      </c>
      <c r="M68" s="66"/>
    </row>
    <row r="69" spans="1:13" ht="19.5" customHeight="1">
      <c r="A69" s="74"/>
      <c r="B69" s="70"/>
      <c r="C69" s="70"/>
      <c r="D69" s="70"/>
      <c r="E69" s="70"/>
      <c r="F69" s="70"/>
      <c r="G69" s="70"/>
      <c r="H69" s="70"/>
      <c r="I69" s="70"/>
      <c r="J69" s="70"/>
      <c r="K69" s="70"/>
      <c r="L69" s="67"/>
      <c r="M69" s="68"/>
    </row>
    <row r="70" spans="1:13" ht="10.5" customHeight="1">
      <c r="A70" s="6"/>
      <c r="B70" s="7"/>
      <c r="C70" s="10"/>
      <c r="D70" s="9"/>
      <c r="E70" s="81" t="s">
        <v>8</v>
      </c>
      <c r="F70" s="81" t="s">
        <v>8</v>
      </c>
      <c r="G70" s="82"/>
      <c r="H70" s="11" t="s">
        <v>8</v>
      </c>
      <c r="I70" s="81" t="s">
        <v>8</v>
      </c>
      <c r="J70" s="10"/>
      <c r="K70" s="11" t="s">
        <v>8</v>
      </c>
      <c r="L70" s="10"/>
      <c r="M70" s="12" t="s">
        <v>8</v>
      </c>
    </row>
    <row r="71" spans="1:13" customFormat="1" ht="29.1" customHeight="1">
      <c r="A71" s="13"/>
      <c r="B71" s="89"/>
      <c r="C71" s="16" t="s">
        <v>51</v>
      </c>
      <c r="D71" s="25" t="s">
        <v>673</v>
      </c>
      <c r="E71" s="106" t="s">
        <v>674</v>
      </c>
      <c r="F71" s="106" t="s">
        <v>675</v>
      </c>
      <c r="G71" s="113"/>
      <c r="H71" s="17" t="s">
        <v>676</v>
      </c>
      <c r="I71" s="106" t="s">
        <v>15</v>
      </c>
      <c r="J71" s="16"/>
      <c r="K71" s="109" t="s">
        <v>677</v>
      </c>
      <c r="L71" s="16" t="s">
        <v>482</v>
      </c>
      <c r="M71" s="110" t="s">
        <v>678</v>
      </c>
    </row>
    <row r="72" spans="1:13" customFormat="1" ht="29.1" customHeight="1">
      <c r="A72" s="13"/>
      <c r="B72" s="89"/>
      <c r="C72" s="27" t="s">
        <v>58</v>
      </c>
      <c r="D72" s="26" t="s">
        <v>679</v>
      </c>
      <c r="E72" s="90" t="s">
        <v>680</v>
      </c>
      <c r="F72" s="90" t="s">
        <v>681</v>
      </c>
      <c r="G72" s="91"/>
      <c r="H72" s="92" t="s">
        <v>681</v>
      </c>
      <c r="I72" s="90" t="s">
        <v>15</v>
      </c>
      <c r="J72" s="27"/>
      <c r="K72" s="93" t="s">
        <v>15</v>
      </c>
      <c r="L72" s="27" t="s">
        <v>482</v>
      </c>
      <c r="M72" s="94" t="s">
        <v>682</v>
      </c>
    </row>
    <row r="73" spans="1:13" customFormat="1" ht="29.1" customHeight="1">
      <c r="A73" s="13"/>
      <c r="B73" s="89"/>
      <c r="C73" s="27" t="s">
        <v>65</v>
      </c>
      <c r="D73" s="26" t="s">
        <v>683</v>
      </c>
      <c r="E73" s="90" t="s">
        <v>684</v>
      </c>
      <c r="F73" s="90" t="s">
        <v>685</v>
      </c>
      <c r="G73" s="91"/>
      <c r="H73" s="92" t="s">
        <v>685</v>
      </c>
      <c r="I73" s="90" t="s">
        <v>15</v>
      </c>
      <c r="J73" s="27"/>
      <c r="K73" s="93" t="s">
        <v>15</v>
      </c>
      <c r="L73" s="27" t="s">
        <v>482</v>
      </c>
      <c r="M73" s="94" t="s">
        <v>686</v>
      </c>
    </row>
    <row r="74" spans="1:13" customFormat="1" ht="29.1" customHeight="1">
      <c r="A74" s="13"/>
      <c r="B74" s="89"/>
      <c r="C74" s="27" t="s">
        <v>72</v>
      </c>
      <c r="D74" s="26" t="s">
        <v>687</v>
      </c>
      <c r="E74" s="90" t="s">
        <v>688</v>
      </c>
      <c r="F74" s="90" t="s">
        <v>689</v>
      </c>
      <c r="G74" s="95"/>
      <c r="H74" s="28" t="s">
        <v>690</v>
      </c>
      <c r="I74" s="90" t="s">
        <v>691</v>
      </c>
      <c r="J74" s="27"/>
      <c r="K74" s="93" t="s">
        <v>692</v>
      </c>
      <c r="L74" s="27" t="s">
        <v>482</v>
      </c>
      <c r="M74" s="94" t="s">
        <v>693</v>
      </c>
    </row>
    <row r="75" spans="1:13" customFormat="1" ht="29.1" customHeight="1">
      <c r="A75" s="13"/>
      <c r="B75" s="89"/>
      <c r="C75" s="27" t="s">
        <v>78</v>
      </c>
      <c r="D75" s="26" t="s">
        <v>694</v>
      </c>
      <c r="E75" s="90" t="s">
        <v>695</v>
      </c>
      <c r="F75" s="90" t="s">
        <v>696</v>
      </c>
      <c r="G75" s="95"/>
      <c r="H75" s="28" t="s">
        <v>696</v>
      </c>
      <c r="I75" s="90" t="s">
        <v>15</v>
      </c>
      <c r="J75" s="27"/>
      <c r="K75" s="93" t="s">
        <v>15</v>
      </c>
      <c r="L75" s="27" t="s">
        <v>482</v>
      </c>
      <c r="M75" s="94" t="s">
        <v>697</v>
      </c>
    </row>
    <row r="76" spans="1:13" customFormat="1" ht="29.1" customHeight="1">
      <c r="A76" s="13"/>
      <c r="B76" s="89"/>
      <c r="C76" s="27" t="s">
        <v>85</v>
      </c>
      <c r="D76" s="26" t="s">
        <v>698</v>
      </c>
      <c r="E76" s="90" t="s">
        <v>699</v>
      </c>
      <c r="F76" s="90" t="s">
        <v>700</v>
      </c>
      <c r="G76" s="95"/>
      <c r="H76" s="28" t="s">
        <v>700</v>
      </c>
      <c r="I76" s="90" t="s">
        <v>15</v>
      </c>
      <c r="J76" s="27"/>
      <c r="K76" s="93" t="s">
        <v>15</v>
      </c>
      <c r="L76" s="27" t="s">
        <v>482</v>
      </c>
      <c r="M76" s="94" t="s">
        <v>701</v>
      </c>
    </row>
    <row r="77" spans="1:13" customFormat="1" ht="29.1" customHeight="1">
      <c r="A77" s="13"/>
      <c r="B77" s="89"/>
      <c r="C77" s="27" t="s">
        <v>90</v>
      </c>
      <c r="D77" s="26" t="s">
        <v>702</v>
      </c>
      <c r="E77" s="90" t="s">
        <v>703</v>
      </c>
      <c r="F77" s="90" t="s">
        <v>704</v>
      </c>
      <c r="G77" s="95"/>
      <c r="H77" s="28" t="s">
        <v>705</v>
      </c>
      <c r="I77" s="90" t="s">
        <v>706</v>
      </c>
      <c r="J77" s="27"/>
      <c r="K77" s="93" t="s">
        <v>707</v>
      </c>
      <c r="L77" s="27"/>
      <c r="M77" s="94" t="s">
        <v>708</v>
      </c>
    </row>
    <row r="78" spans="1:13" customFormat="1" ht="29.1" customHeight="1">
      <c r="A78" s="36" t="s">
        <v>417</v>
      </c>
      <c r="B78" s="37" t="s">
        <v>709</v>
      </c>
      <c r="C78" s="27"/>
      <c r="D78" s="38"/>
      <c r="E78" s="96" t="s">
        <v>710</v>
      </c>
      <c r="F78" s="96" t="s">
        <v>711</v>
      </c>
      <c r="G78" s="97"/>
      <c r="H78" s="98" t="s">
        <v>711</v>
      </c>
      <c r="I78" s="96" t="s">
        <v>15</v>
      </c>
      <c r="J78" s="40"/>
      <c r="K78" s="99" t="s">
        <v>15</v>
      </c>
      <c r="L78" s="40" t="s">
        <v>482</v>
      </c>
      <c r="M78" s="100" t="s">
        <v>712</v>
      </c>
    </row>
    <row r="79" spans="1:13" customFormat="1" ht="29.1" customHeight="1">
      <c r="A79" s="13"/>
      <c r="B79" s="89"/>
      <c r="C79" s="27" t="s">
        <v>11</v>
      </c>
      <c r="D79" s="26" t="s">
        <v>709</v>
      </c>
      <c r="E79" s="90" t="s">
        <v>710</v>
      </c>
      <c r="F79" s="90" t="s">
        <v>711</v>
      </c>
      <c r="G79" s="91"/>
      <c r="H79" s="92" t="s">
        <v>711</v>
      </c>
      <c r="I79" s="90" t="s">
        <v>15</v>
      </c>
      <c r="J79" s="27"/>
      <c r="K79" s="93" t="s">
        <v>15</v>
      </c>
      <c r="L79" s="27" t="s">
        <v>482</v>
      </c>
      <c r="M79" s="94" t="s">
        <v>712</v>
      </c>
    </row>
    <row r="80" spans="1:13" customFormat="1" ht="29.1" customHeight="1">
      <c r="A80" s="75" t="s">
        <v>713</v>
      </c>
      <c r="B80" s="76"/>
      <c r="C80" s="76"/>
      <c r="D80" s="76"/>
      <c r="E80" s="114" t="s">
        <v>425</v>
      </c>
      <c r="F80" s="114" t="s">
        <v>714</v>
      </c>
      <c r="G80" s="115" t="s">
        <v>451</v>
      </c>
      <c r="H80" s="116" t="s">
        <v>715</v>
      </c>
      <c r="I80" s="114" t="s">
        <v>716</v>
      </c>
      <c r="J80" s="42"/>
      <c r="K80" s="117" t="s">
        <v>717</v>
      </c>
      <c r="L80" s="42" t="s">
        <v>482</v>
      </c>
      <c r="M80" s="118" t="s">
        <v>718</v>
      </c>
    </row>
  </sheetData>
  <mergeCells count="26">
    <mergeCell ref="A80:D80"/>
    <mergeCell ref="J36:K37"/>
    <mergeCell ref="L36:M37"/>
    <mergeCell ref="A68:B69"/>
    <mergeCell ref="C68:D69"/>
    <mergeCell ref="E68:E69"/>
    <mergeCell ref="F68:F69"/>
    <mergeCell ref="G68:H69"/>
    <mergeCell ref="I68:I69"/>
    <mergeCell ref="J68:K69"/>
    <mergeCell ref="L68:M69"/>
    <mergeCell ref="A36:B37"/>
    <mergeCell ref="C36:D37"/>
    <mergeCell ref="E36:E37"/>
    <mergeCell ref="F36:F37"/>
    <mergeCell ref="G36:H37"/>
    <mergeCell ref="I36:I37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  <rowBreaks count="2" manualBreakCount="2">
    <brk id="32" max="16383" man="1"/>
    <brk id="64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2:N113"/>
  <sheetViews>
    <sheetView view="pageBreakPreview" zoomScale="115" zoomScaleNormal="115" zoomScaleSheetLayoutView="115" workbookViewId="0">
      <selection activeCell="O2" sqref="O2"/>
    </sheetView>
  </sheetViews>
  <sheetFormatPr defaultColWidth="9" defaultRowHeight="28.5" customHeight="1"/>
  <cols>
    <col min="1" max="1" width="2.109375" style="5" customWidth="1"/>
    <col min="2" max="2" width="10.77734375" style="5" customWidth="1"/>
    <col min="3" max="3" width="2.109375" style="5" customWidth="1"/>
    <col min="4" max="4" width="11.109375" style="5" customWidth="1"/>
    <col min="5" max="5" width="0.6640625" style="5" customWidth="1"/>
    <col min="6" max="6" width="13.77734375" style="5" customWidth="1"/>
    <col min="7" max="7" width="0.6640625" style="5" customWidth="1"/>
    <col min="8" max="8" width="13.77734375" style="5" customWidth="1"/>
    <col min="9" max="9" width="0.6640625" style="5" customWidth="1"/>
    <col min="10" max="10" width="13.44140625" style="5" customWidth="1"/>
    <col min="11" max="11" width="1.6640625" style="5" customWidth="1"/>
    <col min="12" max="12" width="12.44140625" style="5" customWidth="1"/>
    <col min="13" max="13" width="1.6640625" style="5" customWidth="1"/>
    <col min="14" max="14" width="12.44140625" style="5" customWidth="1"/>
    <col min="15" max="16384" width="9" style="5"/>
  </cols>
  <sheetData>
    <row r="2" spans="1:14" s="1" customFormat="1" ht="24.75" customHeight="1">
      <c r="A2" s="2" t="s">
        <v>10</v>
      </c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4" t="s">
        <v>0</v>
      </c>
    </row>
    <row r="3" spans="1:14" ht="19.5" customHeight="1">
      <c r="A3" s="73" t="s">
        <v>1</v>
      </c>
      <c r="B3" s="69"/>
      <c r="C3" s="69" t="s">
        <v>2</v>
      </c>
      <c r="D3" s="69"/>
      <c r="E3" s="69" t="s">
        <v>3</v>
      </c>
      <c r="F3" s="69"/>
      <c r="G3" s="69" t="s">
        <v>4</v>
      </c>
      <c r="H3" s="69"/>
      <c r="I3" s="69" t="s">
        <v>5</v>
      </c>
      <c r="J3" s="69"/>
      <c r="K3" s="69" t="s">
        <v>6</v>
      </c>
      <c r="L3" s="69"/>
      <c r="M3" s="65" t="s">
        <v>7</v>
      </c>
      <c r="N3" s="66"/>
    </row>
    <row r="4" spans="1:14" ht="19.5" customHeight="1">
      <c r="A4" s="74"/>
      <c r="B4" s="70"/>
      <c r="C4" s="70"/>
      <c r="D4" s="70"/>
      <c r="E4" s="70"/>
      <c r="F4" s="70"/>
      <c r="G4" s="70"/>
      <c r="H4" s="70"/>
      <c r="I4" s="70"/>
      <c r="J4" s="70"/>
      <c r="K4" s="70"/>
      <c r="L4" s="70"/>
      <c r="M4" s="67"/>
      <c r="N4" s="68"/>
    </row>
    <row r="5" spans="1:14" ht="10.5" customHeight="1">
      <c r="A5" s="6"/>
      <c r="B5" s="7"/>
      <c r="C5" s="10"/>
      <c r="D5" s="9"/>
      <c r="E5" s="10"/>
      <c r="F5" s="11" t="s">
        <v>8</v>
      </c>
      <c r="G5" s="10"/>
      <c r="H5" s="11" t="s">
        <v>8</v>
      </c>
      <c r="I5" s="10"/>
      <c r="J5" s="11" t="s">
        <v>8</v>
      </c>
      <c r="K5" s="10"/>
      <c r="L5" s="11" t="s">
        <v>8</v>
      </c>
      <c r="M5" s="10"/>
      <c r="N5" s="12" t="s">
        <v>8</v>
      </c>
    </row>
    <row r="6" spans="1:14" customFormat="1" ht="28.5" customHeight="1">
      <c r="A6" s="20" t="s">
        <v>11</v>
      </c>
      <c r="B6" s="21" t="s">
        <v>12</v>
      </c>
      <c r="C6" s="16"/>
      <c r="D6" s="15"/>
      <c r="E6" s="16"/>
      <c r="F6" s="22" t="s">
        <v>13</v>
      </c>
      <c r="G6" s="23"/>
      <c r="H6" s="22" t="s">
        <v>14</v>
      </c>
      <c r="I6" s="23"/>
      <c r="J6" s="22" t="s">
        <v>15</v>
      </c>
      <c r="K6" s="23"/>
      <c r="L6" s="22" t="s">
        <v>16</v>
      </c>
      <c r="M6" s="23"/>
      <c r="N6" s="24" t="s">
        <v>16</v>
      </c>
    </row>
    <row r="7" spans="1:14" customFormat="1" ht="28.5" customHeight="1">
      <c r="A7" s="13"/>
      <c r="B7" s="14"/>
      <c r="C7" s="27" t="s">
        <v>11</v>
      </c>
      <c r="D7" s="26" t="s">
        <v>12</v>
      </c>
      <c r="E7" s="27"/>
      <c r="F7" s="28" t="s">
        <v>13</v>
      </c>
      <c r="G7" s="27"/>
      <c r="H7" s="28" t="s">
        <v>14</v>
      </c>
      <c r="I7" s="27"/>
      <c r="J7" s="28" t="s">
        <v>15</v>
      </c>
      <c r="K7" s="27"/>
      <c r="L7" s="28" t="s">
        <v>16</v>
      </c>
      <c r="M7" s="27"/>
      <c r="N7" s="29" t="s">
        <v>16</v>
      </c>
    </row>
    <row r="8" spans="1:14" customFormat="1" ht="28.5" customHeight="1">
      <c r="A8" s="36" t="s">
        <v>17</v>
      </c>
      <c r="B8" s="37" t="s">
        <v>18</v>
      </c>
      <c r="C8" s="27"/>
      <c r="D8" s="38"/>
      <c r="E8" s="27"/>
      <c r="F8" s="39" t="s">
        <v>19</v>
      </c>
      <c r="G8" s="40"/>
      <c r="H8" s="39" t="s">
        <v>20</v>
      </c>
      <c r="I8" s="40"/>
      <c r="J8" s="39" t="s">
        <v>21</v>
      </c>
      <c r="K8" s="40"/>
      <c r="L8" s="39" t="s">
        <v>22</v>
      </c>
      <c r="M8" s="40"/>
      <c r="N8" s="41" t="s">
        <v>23</v>
      </c>
    </row>
    <row r="9" spans="1:14" customFormat="1" ht="28.5" customHeight="1">
      <c r="A9" s="13"/>
      <c r="B9" s="14"/>
      <c r="C9" s="27" t="s">
        <v>11</v>
      </c>
      <c r="D9" s="26" t="s">
        <v>24</v>
      </c>
      <c r="E9" s="27"/>
      <c r="F9" s="28" t="s">
        <v>25</v>
      </c>
      <c r="G9" s="27"/>
      <c r="H9" s="28" t="s">
        <v>26</v>
      </c>
      <c r="I9" s="27"/>
      <c r="J9" s="28" t="s">
        <v>27</v>
      </c>
      <c r="K9" s="27"/>
      <c r="L9" s="28" t="s">
        <v>28</v>
      </c>
      <c r="M9" s="27"/>
      <c r="N9" s="29" t="s">
        <v>29</v>
      </c>
    </row>
    <row r="10" spans="1:14" customFormat="1" ht="28.5" customHeight="1">
      <c r="A10" s="13"/>
      <c r="B10" s="14"/>
      <c r="C10" s="27" t="s">
        <v>17</v>
      </c>
      <c r="D10" s="26" t="s">
        <v>30</v>
      </c>
      <c r="E10" s="27"/>
      <c r="F10" s="28" t="s">
        <v>31</v>
      </c>
      <c r="G10" s="27"/>
      <c r="H10" s="28" t="s">
        <v>32</v>
      </c>
      <c r="I10" s="27"/>
      <c r="J10" s="28" t="s">
        <v>15</v>
      </c>
      <c r="K10" s="27"/>
      <c r="L10" s="28" t="s">
        <v>33</v>
      </c>
      <c r="M10" s="27"/>
      <c r="N10" s="29" t="s">
        <v>33</v>
      </c>
    </row>
    <row r="11" spans="1:14" customFormat="1" ht="28.5" customHeight="1">
      <c r="A11" s="13"/>
      <c r="B11" s="14"/>
      <c r="C11" s="27" t="s">
        <v>34</v>
      </c>
      <c r="D11" s="26" t="s">
        <v>35</v>
      </c>
      <c r="E11" s="27"/>
      <c r="F11" s="28" t="s">
        <v>36</v>
      </c>
      <c r="G11" s="27"/>
      <c r="H11" s="28" t="s">
        <v>37</v>
      </c>
      <c r="I11" s="27"/>
      <c r="J11" s="28" t="s">
        <v>38</v>
      </c>
      <c r="K11" s="27"/>
      <c r="L11" s="28" t="s">
        <v>39</v>
      </c>
      <c r="M11" s="27"/>
      <c r="N11" s="29" t="s">
        <v>40</v>
      </c>
    </row>
    <row r="12" spans="1:14" customFormat="1" ht="28.5" customHeight="1">
      <c r="A12" s="13"/>
      <c r="B12" s="14"/>
      <c r="C12" s="27" t="s">
        <v>41</v>
      </c>
      <c r="D12" s="26" t="s">
        <v>42</v>
      </c>
      <c r="E12" s="27"/>
      <c r="F12" s="28" t="s">
        <v>43</v>
      </c>
      <c r="G12" s="27"/>
      <c r="H12" s="28" t="s">
        <v>44</v>
      </c>
      <c r="I12" s="27"/>
      <c r="J12" s="28" t="s">
        <v>15</v>
      </c>
      <c r="K12" s="27"/>
      <c r="L12" s="28" t="s">
        <v>45</v>
      </c>
      <c r="M12" s="27"/>
      <c r="N12" s="29" t="s">
        <v>45</v>
      </c>
    </row>
    <row r="13" spans="1:14" customFormat="1" ht="28.5" customHeight="1">
      <c r="A13" s="13"/>
      <c r="B13" s="14"/>
      <c r="C13" s="27" t="s">
        <v>46</v>
      </c>
      <c r="D13" s="26" t="s">
        <v>47</v>
      </c>
      <c r="E13" s="27"/>
      <c r="F13" s="28" t="s">
        <v>48</v>
      </c>
      <c r="G13" s="27"/>
      <c r="H13" s="28" t="s">
        <v>49</v>
      </c>
      <c r="I13" s="27"/>
      <c r="J13" s="28" t="s">
        <v>15</v>
      </c>
      <c r="K13" s="27"/>
      <c r="L13" s="28" t="s">
        <v>50</v>
      </c>
      <c r="M13" s="27"/>
      <c r="N13" s="29" t="s">
        <v>50</v>
      </c>
    </row>
    <row r="14" spans="1:14" customFormat="1" ht="28.5" customHeight="1">
      <c r="A14" s="13"/>
      <c r="B14" s="14"/>
      <c r="C14" s="27" t="s">
        <v>51</v>
      </c>
      <c r="D14" s="26" t="s">
        <v>52</v>
      </c>
      <c r="E14" s="27"/>
      <c r="F14" s="28" t="s">
        <v>53</v>
      </c>
      <c r="G14" s="27"/>
      <c r="H14" s="28" t="s">
        <v>54</v>
      </c>
      <c r="I14" s="27"/>
      <c r="J14" s="28" t="s">
        <v>55</v>
      </c>
      <c r="K14" s="27"/>
      <c r="L14" s="28" t="s">
        <v>56</v>
      </c>
      <c r="M14" s="27"/>
      <c r="N14" s="29" t="s">
        <v>57</v>
      </c>
    </row>
    <row r="15" spans="1:14" customFormat="1" ht="28.5" customHeight="1">
      <c r="A15" s="13"/>
      <c r="B15" s="14"/>
      <c r="C15" s="27" t="s">
        <v>58</v>
      </c>
      <c r="D15" s="26" t="s">
        <v>59</v>
      </c>
      <c r="E15" s="27"/>
      <c r="F15" s="28" t="s">
        <v>60</v>
      </c>
      <c r="G15" s="27"/>
      <c r="H15" s="28" t="s">
        <v>61</v>
      </c>
      <c r="I15" s="27"/>
      <c r="J15" s="28" t="s">
        <v>62</v>
      </c>
      <c r="K15" s="27"/>
      <c r="L15" s="28" t="s">
        <v>63</v>
      </c>
      <c r="M15" s="27"/>
      <c r="N15" s="29" t="s">
        <v>64</v>
      </c>
    </row>
    <row r="16" spans="1:14" customFormat="1" ht="28.5" customHeight="1">
      <c r="A16" s="13"/>
      <c r="B16" s="14"/>
      <c r="C16" s="27" t="s">
        <v>65</v>
      </c>
      <c r="D16" s="26" t="s">
        <v>66</v>
      </c>
      <c r="E16" s="27"/>
      <c r="F16" s="28" t="s">
        <v>67</v>
      </c>
      <c r="G16" s="27"/>
      <c r="H16" s="28" t="s">
        <v>68</v>
      </c>
      <c r="I16" s="27"/>
      <c r="J16" s="28" t="s">
        <v>69</v>
      </c>
      <c r="K16" s="27"/>
      <c r="L16" s="28" t="s">
        <v>70</v>
      </c>
      <c r="M16" s="27"/>
      <c r="N16" s="29" t="s">
        <v>71</v>
      </c>
    </row>
    <row r="17" spans="1:14" customFormat="1" ht="28.5" customHeight="1">
      <c r="A17" s="13"/>
      <c r="B17" s="14"/>
      <c r="C17" s="27" t="s">
        <v>72</v>
      </c>
      <c r="D17" s="62" t="s">
        <v>438</v>
      </c>
      <c r="E17" s="27"/>
      <c r="F17" s="28" t="s">
        <v>73</v>
      </c>
      <c r="G17" s="27"/>
      <c r="H17" s="28" t="s">
        <v>74</v>
      </c>
      <c r="I17" s="27"/>
      <c r="J17" s="28" t="s">
        <v>75</v>
      </c>
      <c r="K17" s="27"/>
      <c r="L17" s="28" t="s">
        <v>76</v>
      </c>
      <c r="M17" s="27"/>
      <c r="N17" s="29" t="s">
        <v>77</v>
      </c>
    </row>
    <row r="18" spans="1:14" customFormat="1" ht="28.5" customHeight="1">
      <c r="A18" s="13"/>
      <c r="B18" s="14"/>
      <c r="C18" s="27" t="s">
        <v>78</v>
      </c>
      <c r="D18" s="26" t="s">
        <v>79</v>
      </c>
      <c r="E18" s="27"/>
      <c r="F18" s="28" t="s">
        <v>80</v>
      </c>
      <c r="G18" s="27"/>
      <c r="H18" s="28" t="s">
        <v>81</v>
      </c>
      <c r="I18" s="27"/>
      <c r="J18" s="28" t="s">
        <v>82</v>
      </c>
      <c r="K18" s="27"/>
      <c r="L18" s="28" t="s">
        <v>83</v>
      </c>
      <c r="M18" s="27"/>
      <c r="N18" s="29" t="s">
        <v>84</v>
      </c>
    </row>
    <row r="19" spans="1:14" customFormat="1" ht="28.5" customHeight="1">
      <c r="A19" s="13"/>
      <c r="B19" s="14"/>
      <c r="C19" s="27" t="s">
        <v>85</v>
      </c>
      <c r="D19" s="26" t="s">
        <v>86</v>
      </c>
      <c r="E19" s="27"/>
      <c r="F19" s="28" t="s">
        <v>87</v>
      </c>
      <c r="G19" s="27"/>
      <c r="H19" s="28" t="s">
        <v>88</v>
      </c>
      <c r="I19" s="27"/>
      <c r="J19" s="28" t="s">
        <v>15</v>
      </c>
      <c r="K19" s="27"/>
      <c r="L19" s="28" t="s">
        <v>89</v>
      </c>
      <c r="M19" s="27"/>
      <c r="N19" s="29" t="s">
        <v>89</v>
      </c>
    </row>
    <row r="20" spans="1:14" customFormat="1" ht="28.5" customHeight="1">
      <c r="A20" s="13"/>
      <c r="B20" s="14"/>
      <c r="C20" s="27" t="s">
        <v>90</v>
      </c>
      <c r="D20" s="26" t="s">
        <v>91</v>
      </c>
      <c r="E20" s="27"/>
      <c r="F20" s="28" t="s">
        <v>92</v>
      </c>
      <c r="G20" s="27"/>
      <c r="H20" s="28" t="s">
        <v>93</v>
      </c>
      <c r="I20" s="27"/>
      <c r="J20" s="28" t="s">
        <v>15</v>
      </c>
      <c r="K20" s="27"/>
      <c r="L20" s="28" t="s">
        <v>94</v>
      </c>
      <c r="M20" s="27"/>
      <c r="N20" s="29" t="s">
        <v>94</v>
      </c>
    </row>
    <row r="21" spans="1:14" customFormat="1" ht="28.5" customHeight="1">
      <c r="A21" s="36" t="s">
        <v>34</v>
      </c>
      <c r="B21" s="37" t="s">
        <v>95</v>
      </c>
      <c r="C21" s="27"/>
      <c r="D21" s="38"/>
      <c r="E21" s="27"/>
      <c r="F21" s="39" t="s">
        <v>96</v>
      </c>
      <c r="G21" s="40"/>
      <c r="H21" s="39" t="s">
        <v>97</v>
      </c>
      <c r="I21" s="40"/>
      <c r="J21" s="39" t="s">
        <v>98</v>
      </c>
      <c r="K21" s="40"/>
      <c r="L21" s="39" t="s">
        <v>99</v>
      </c>
      <c r="M21" s="40"/>
      <c r="N21" s="41" t="s">
        <v>100</v>
      </c>
    </row>
    <row r="22" spans="1:14" customFormat="1" ht="28.5" customHeight="1">
      <c r="A22" s="13"/>
      <c r="B22" s="14"/>
      <c r="C22" s="27" t="s">
        <v>11</v>
      </c>
      <c r="D22" s="26" t="s">
        <v>101</v>
      </c>
      <c r="E22" s="27"/>
      <c r="F22" s="28" t="s">
        <v>102</v>
      </c>
      <c r="G22" s="27"/>
      <c r="H22" s="28" t="s">
        <v>103</v>
      </c>
      <c r="I22" s="27"/>
      <c r="J22" s="28" t="s">
        <v>104</v>
      </c>
      <c r="K22" s="27"/>
      <c r="L22" s="28" t="s">
        <v>105</v>
      </c>
      <c r="M22" s="27"/>
      <c r="N22" s="29" t="s">
        <v>106</v>
      </c>
    </row>
    <row r="23" spans="1:14" customFormat="1" ht="28.5" customHeight="1">
      <c r="A23" s="13"/>
      <c r="B23" s="14"/>
      <c r="C23" s="27" t="s">
        <v>17</v>
      </c>
      <c r="D23" s="55" t="s">
        <v>437</v>
      </c>
      <c r="E23" s="27"/>
      <c r="F23" s="28" t="s">
        <v>107</v>
      </c>
      <c r="G23" s="27"/>
      <c r="H23" s="28" t="s">
        <v>108</v>
      </c>
      <c r="I23" s="27"/>
      <c r="J23" s="28" t="s">
        <v>109</v>
      </c>
      <c r="K23" s="27"/>
      <c r="L23" s="28" t="s">
        <v>110</v>
      </c>
      <c r="M23" s="27"/>
      <c r="N23" s="29" t="s">
        <v>111</v>
      </c>
    </row>
    <row r="24" spans="1:14" customFormat="1" ht="28.5" customHeight="1">
      <c r="A24" s="13"/>
      <c r="B24" s="14"/>
      <c r="C24" s="27" t="s">
        <v>34</v>
      </c>
      <c r="D24" s="26" t="s">
        <v>112</v>
      </c>
      <c r="E24" s="27"/>
      <c r="F24" s="28" t="s">
        <v>113</v>
      </c>
      <c r="G24" s="27"/>
      <c r="H24" s="28" t="s">
        <v>114</v>
      </c>
      <c r="I24" s="27"/>
      <c r="J24" s="28" t="s">
        <v>115</v>
      </c>
      <c r="K24" s="27"/>
      <c r="L24" s="28" t="s">
        <v>116</v>
      </c>
      <c r="M24" s="27"/>
      <c r="N24" s="29" t="s">
        <v>117</v>
      </c>
    </row>
    <row r="25" spans="1:14" customFormat="1" ht="28.5" customHeight="1">
      <c r="A25" s="36" t="s">
        <v>41</v>
      </c>
      <c r="B25" s="37" t="s">
        <v>118</v>
      </c>
      <c r="C25" s="27"/>
      <c r="D25" s="38"/>
      <c r="E25" s="27"/>
      <c r="F25" s="39" t="s">
        <v>119</v>
      </c>
      <c r="G25" s="40"/>
      <c r="H25" s="39" t="s">
        <v>120</v>
      </c>
      <c r="I25" s="40"/>
      <c r="J25" s="39" t="s">
        <v>121</v>
      </c>
      <c r="K25" s="40"/>
      <c r="L25" s="39" t="s">
        <v>122</v>
      </c>
      <c r="M25" s="40"/>
      <c r="N25" s="41" t="s">
        <v>123</v>
      </c>
    </row>
    <row r="26" spans="1:14" customFormat="1" ht="28.5" customHeight="1">
      <c r="A26" s="13"/>
      <c r="B26" s="14"/>
      <c r="C26" s="27" t="s">
        <v>11</v>
      </c>
      <c r="D26" s="26" t="s">
        <v>124</v>
      </c>
      <c r="E26" s="27"/>
      <c r="F26" s="28" t="s">
        <v>125</v>
      </c>
      <c r="G26" s="27"/>
      <c r="H26" s="28" t="s">
        <v>126</v>
      </c>
      <c r="I26" s="27"/>
      <c r="J26" s="28" t="s">
        <v>127</v>
      </c>
      <c r="K26" s="27"/>
      <c r="L26" s="28" t="s">
        <v>128</v>
      </c>
      <c r="M26" s="27"/>
      <c r="N26" s="29" t="s">
        <v>129</v>
      </c>
    </row>
    <row r="27" spans="1:14" customFormat="1" ht="28.5" customHeight="1">
      <c r="A27" s="13"/>
      <c r="B27" s="14"/>
      <c r="C27" s="27" t="s">
        <v>17</v>
      </c>
      <c r="D27" s="26" t="s">
        <v>130</v>
      </c>
      <c r="E27" s="27"/>
      <c r="F27" s="28" t="s">
        <v>131</v>
      </c>
      <c r="G27" s="27"/>
      <c r="H27" s="28" t="s">
        <v>132</v>
      </c>
      <c r="I27" s="27"/>
      <c r="J27" s="28" t="s">
        <v>133</v>
      </c>
      <c r="K27" s="27"/>
      <c r="L27" s="28" t="s">
        <v>134</v>
      </c>
      <c r="M27" s="27"/>
      <c r="N27" s="29" t="s">
        <v>135</v>
      </c>
    </row>
    <row r="28" spans="1:14" customFormat="1" ht="28.5" customHeight="1">
      <c r="A28" s="13"/>
      <c r="B28" s="14"/>
      <c r="C28" s="27" t="s">
        <v>34</v>
      </c>
      <c r="D28" s="26" t="s">
        <v>136</v>
      </c>
      <c r="E28" s="27"/>
      <c r="F28" s="28" t="s">
        <v>137</v>
      </c>
      <c r="G28" s="27"/>
      <c r="H28" s="28" t="s">
        <v>138</v>
      </c>
      <c r="I28" s="27"/>
      <c r="J28" s="28" t="s">
        <v>139</v>
      </c>
      <c r="K28" s="27"/>
      <c r="L28" s="28" t="s">
        <v>140</v>
      </c>
      <c r="M28" s="27"/>
      <c r="N28" s="29" t="s">
        <v>141</v>
      </c>
    </row>
    <row r="29" spans="1:14" customFormat="1" ht="28.5" customHeight="1">
      <c r="A29" s="13"/>
      <c r="B29" s="14"/>
      <c r="C29" s="27" t="s">
        <v>41</v>
      </c>
      <c r="D29" s="26" t="s">
        <v>142</v>
      </c>
      <c r="E29" s="27"/>
      <c r="F29" s="28" t="s">
        <v>143</v>
      </c>
      <c r="G29" s="27"/>
      <c r="H29" s="28" t="s">
        <v>144</v>
      </c>
      <c r="I29" s="27"/>
      <c r="J29" s="28" t="s">
        <v>145</v>
      </c>
      <c r="K29" s="27"/>
      <c r="L29" s="28" t="s">
        <v>146</v>
      </c>
      <c r="M29" s="27"/>
      <c r="N29" s="29" t="s">
        <v>147</v>
      </c>
    </row>
    <row r="30" spans="1:14" customFormat="1" ht="28.5" customHeight="1">
      <c r="A30" s="13"/>
      <c r="B30" s="14"/>
      <c r="C30" s="27" t="s">
        <v>46</v>
      </c>
      <c r="D30" s="26" t="s">
        <v>148</v>
      </c>
      <c r="E30" s="27"/>
      <c r="F30" s="28" t="s">
        <v>149</v>
      </c>
      <c r="G30" s="27"/>
      <c r="H30" s="28" t="s">
        <v>150</v>
      </c>
      <c r="I30" s="27"/>
      <c r="J30" s="28" t="s">
        <v>151</v>
      </c>
      <c r="K30" s="27"/>
      <c r="L30" s="28" t="s">
        <v>152</v>
      </c>
      <c r="M30" s="27"/>
      <c r="N30" s="29" t="s">
        <v>153</v>
      </c>
    </row>
    <row r="31" spans="1:14" customFormat="1" ht="28.5" customHeight="1">
      <c r="A31" s="43" t="s">
        <v>46</v>
      </c>
      <c r="B31" s="44" t="s">
        <v>154</v>
      </c>
      <c r="C31" s="32"/>
      <c r="D31" s="45"/>
      <c r="E31" s="32"/>
      <c r="F31" s="46" t="s">
        <v>155</v>
      </c>
      <c r="G31" s="47"/>
      <c r="H31" s="46" t="s">
        <v>156</v>
      </c>
      <c r="I31" s="47"/>
      <c r="J31" s="46" t="s">
        <v>157</v>
      </c>
      <c r="K31" s="47"/>
      <c r="L31" s="46" t="s">
        <v>158</v>
      </c>
      <c r="M31" s="47"/>
      <c r="N31" s="48" t="s">
        <v>159</v>
      </c>
    </row>
    <row r="34" spans="1:14" s="1" customFormat="1" ht="24.75" customHeight="1">
      <c r="A34" s="2"/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4" t="s">
        <v>0</v>
      </c>
    </row>
    <row r="35" spans="1:14" ht="19.5" customHeight="1">
      <c r="A35" s="73" t="s">
        <v>1</v>
      </c>
      <c r="B35" s="69"/>
      <c r="C35" s="69" t="s">
        <v>2</v>
      </c>
      <c r="D35" s="69"/>
      <c r="E35" s="69" t="s">
        <v>3</v>
      </c>
      <c r="F35" s="69"/>
      <c r="G35" s="69" t="s">
        <v>4</v>
      </c>
      <c r="H35" s="69"/>
      <c r="I35" s="69" t="s">
        <v>5</v>
      </c>
      <c r="J35" s="69"/>
      <c r="K35" s="69" t="s">
        <v>6</v>
      </c>
      <c r="L35" s="69"/>
      <c r="M35" s="65" t="s">
        <v>7</v>
      </c>
      <c r="N35" s="66"/>
    </row>
    <row r="36" spans="1:14" ht="19.5" customHeight="1">
      <c r="A36" s="74"/>
      <c r="B36" s="70"/>
      <c r="C36" s="70"/>
      <c r="D36" s="70"/>
      <c r="E36" s="70"/>
      <c r="F36" s="70"/>
      <c r="G36" s="70"/>
      <c r="H36" s="70"/>
      <c r="I36" s="70"/>
      <c r="J36" s="70"/>
      <c r="K36" s="70"/>
      <c r="L36" s="70"/>
      <c r="M36" s="67"/>
      <c r="N36" s="68"/>
    </row>
    <row r="37" spans="1:14" ht="10.5" customHeight="1">
      <c r="A37" s="6"/>
      <c r="B37" s="7"/>
      <c r="C37" s="10"/>
      <c r="D37" s="9"/>
      <c r="E37" s="10"/>
      <c r="F37" s="11" t="s">
        <v>8</v>
      </c>
      <c r="G37" s="10"/>
      <c r="H37" s="11" t="s">
        <v>8</v>
      </c>
      <c r="I37" s="10"/>
      <c r="J37" s="11" t="s">
        <v>8</v>
      </c>
      <c r="K37" s="10"/>
      <c r="L37" s="11" t="s">
        <v>8</v>
      </c>
      <c r="M37" s="10"/>
      <c r="N37" s="12" t="s">
        <v>8</v>
      </c>
    </row>
    <row r="38" spans="1:14" customFormat="1" ht="28.5" customHeight="1">
      <c r="A38" s="13"/>
      <c r="B38" s="14"/>
      <c r="C38" s="16" t="s">
        <v>11</v>
      </c>
      <c r="D38" s="25" t="s">
        <v>160</v>
      </c>
      <c r="E38" s="16"/>
      <c r="F38" s="17" t="s">
        <v>161</v>
      </c>
      <c r="G38" s="16"/>
      <c r="H38" s="17" t="s">
        <v>162</v>
      </c>
      <c r="I38" s="16"/>
      <c r="J38" s="17" t="s">
        <v>163</v>
      </c>
      <c r="K38" s="16"/>
      <c r="L38" s="17" t="s">
        <v>164</v>
      </c>
      <c r="M38" s="16"/>
      <c r="N38" s="18" t="s">
        <v>165</v>
      </c>
    </row>
    <row r="39" spans="1:14" customFormat="1" ht="28.5" customHeight="1">
      <c r="A39" s="13"/>
      <c r="B39" s="14"/>
      <c r="C39" s="27" t="s">
        <v>17</v>
      </c>
      <c r="D39" s="26" t="s">
        <v>166</v>
      </c>
      <c r="E39" s="27"/>
      <c r="F39" s="28" t="s">
        <v>167</v>
      </c>
      <c r="G39" s="27"/>
      <c r="H39" s="28" t="s">
        <v>168</v>
      </c>
      <c r="I39" s="27"/>
      <c r="J39" s="28" t="s">
        <v>169</v>
      </c>
      <c r="K39" s="27"/>
      <c r="L39" s="28" t="s">
        <v>170</v>
      </c>
      <c r="M39" s="27"/>
      <c r="N39" s="29" t="s">
        <v>171</v>
      </c>
    </row>
    <row r="40" spans="1:14" customFormat="1" ht="28.5" customHeight="1">
      <c r="A40" s="13"/>
      <c r="B40" s="14"/>
      <c r="C40" s="27" t="s">
        <v>34</v>
      </c>
      <c r="D40" s="26" t="s">
        <v>172</v>
      </c>
      <c r="E40" s="27"/>
      <c r="F40" s="28" t="s">
        <v>173</v>
      </c>
      <c r="G40" s="27"/>
      <c r="H40" s="28" t="s">
        <v>174</v>
      </c>
      <c r="I40" s="27"/>
      <c r="J40" s="28" t="s">
        <v>175</v>
      </c>
      <c r="K40" s="27"/>
      <c r="L40" s="28" t="s">
        <v>176</v>
      </c>
      <c r="M40" s="27"/>
      <c r="N40" s="29" t="s">
        <v>177</v>
      </c>
    </row>
    <row r="41" spans="1:14" customFormat="1" ht="28.5" customHeight="1">
      <c r="A41" s="13"/>
      <c r="B41" s="14"/>
      <c r="C41" s="27" t="s">
        <v>41</v>
      </c>
      <c r="D41" s="26" t="s">
        <v>178</v>
      </c>
      <c r="E41" s="27"/>
      <c r="F41" s="28" t="s">
        <v>179</v>
      </c>
      <c r="G41" s="27"/>
      <c r="H41" s="28" t="s">
        <v>180</v>
      </c>
      <c r="I41" s="27"/>
      <c r="J41" s="28" t="s">
        <v>181</v>
      </c>
      <c r="K41" s="27"/>
      <c r="L41" s="28" t="s">
        <v>182</v>
      </c>
      <c r="M41" s="27"/>
      <c r="N41" s="29" t="s">
        <v>183</v>
      </c>
    </row>
    <row r="42" spans="1:14" customFormat="1" ht="28.5" customHeight="1">
      <c r="A42" s="13"/>
      <c r="B42" s="14"/>
      <c r="C42" s="27" t="s">
        <v>46</v>
      </c>
      <c r="D42" s="26" t="s">
        <v>184</v>
      </c>
      <c r="E42" s="27"/>
      <c r="F42" s="28" t="s">
        <v>185</v>
      </c>
      <c r="G42" s="27"/>
      <c r="H42" s="28" t="s">
        <v>186</v>
      </c>
      <c r="I42" s="27"/>
      <c r="J42" s="28" t="s">
        <v>15</v>
      </c>
      <c r="K42" s="27"/>
      <c r="L42" s="28" t="s">
        <v>187</v>
      </c>
      <c r="M42" s="27"/>
      <c r="N42" s="29" t="s">
        <v>187</v>
      </c>
    </row>
    <row r="43" spans="1:14" customFormat="1" ht="28.5" customHeight="1">
      <c r="A43" s="36" t="s">
        <v>51</v>
      </c>
      <c r="B43" s="37" t="s">
        <v>188</v>
      </c>
      <c r="C43" s="27"/>
      <c r="D43" s="38"/>
      <c r="E43" s="27"/>
      <c r="F43" s="39" t="s">
        <v>189</v>
      </c>
      <c r="G43" s="40"/>
      <c r="H43" s="39" t="s">
        <v>190</v>
      </c>
      <c r="I43" s="40"/>
      <c r="J43" s="39" t="s">
        <v>191</v>
      </c>
      <c r="K43" s="40"/>
      <c r="L43" s="39" t="s">
        <v>192</v>
      </c>
      <c r="M43" s="40"/>
      <c r="N43" s="41" t="s">
        <v>193</v>
      </c>
    </row>
    <row r="44" spans="1:14" customFormat="1" ht="28.5" customHeight="1">
      <c r="A44" s="13"/>
      <c r="B44" s="14"/>
      <c r="C44" s="27" t="s">
        <v>11</v>
      </c>
      <c r="D44" s="26" t="s">
        <v>194</v>
      </c>
      <c r="E44" s="27"/>
      <c r="F44" s="28" t="s">
        <v>195</v>
      </c>
      <c r="G44" s="27"/>
      <c r="H44" s="28" t="s">
        <v>196</v>
      </c>
      <c r="I44" s="27"/>
      <c r="J44" s="28" t="s">
        <v>15</v>
      </c>
      <c r="K44" s="27"/>
      <c r="L44" s="28" t="s">
        <v>197</v>
      </c>
      <c r="M44" s="27"/>
      <c r="N44" s="29" t="s">
        <v>197</v>
      </c>
    </row>
    <row r="45" spans="1:14" customFormat="1" ht="28.5" customHeight="1">
      <c r="A45" s="13"/>
      <c r="B45" s="14"/>
      <c r="C45" s="27" t="s">
        <v>17</v>
      </c>
      <c r="D45" s="26" t="s">
        <v>198</v>
      </c>
      <c r="E45" s="27"/>
      <c r="F45" s="28" t="s">
        <v>199</v>
      </c>
      <c r="G45" s="27"/>
      <c r="H45" s="28" t="s">
        <v>200</v>
      </c>
      <c r="I45" s="27"/>
      <c r="J45" s="28" t="s">
        <v>191</v>
      </c>
      <c r="K45" s="27"/>
      <c r="L45" s="28" t="s">
        <v>201</v>
      </c>
      <c r="M45" s="27"/>
      <c r="N45" s="29" t="s">
        <v>202</v>
      </c>
    </row>
    <row r="46" spans="1:14" customFormat="1" ht="28.5" customHeight="1">
      <c r="A46" s="13"/>
      <c r="B46" s="14"/>
      <c r="C46" s="27" t="s">
        <v>34</v>
      </c>
      <c r="D46" s="26" t="s">
        <v>203</v>
      </c>
      <c r="E46" s="27"/>
      <c r="F46" s="28" t="s">
        <v>204</v>
      </c>
      <c r="G46" s="27"/>
      <c r="H46" s="28" t="s">
        <v>205</v>
      </c>
      <c r="I46" s="27"/>
      <c r="J46" s="28" t="s">
        <v>15</v>
      </c>
      <c r="K46" s="27"/>
      <c r="L46" s="28" t="s">
        <v>206</v>
      </c>
      <c r="M46" s="27"/>
      <c r="N46" s="29" t="s">
        <v>206</v>
      </c>
    </row>
    <row r="47" spans="1:14" customFormat="1" ht="28.5" customHeight="1">
      <c r="A47" s="13"/>
      <c r="B47" s="14"/>
      <c r="C47" s="27" t="s">
        <v>41</v>
      </c>
      <c r="D47" s="26" t="s">
        <v>207</v>
      </c>
      <c r="E47" s="27"/>
      <c r="F47" s="28" t="s">
        <v>208</v>
      </c>
      <c r="G47" s="27"/>
      <c r="H47" s="28" t="s">
        <v>209</v>
      </c>
      <c r="I47" s="27"/>
      <c r="J47" s="28" t="s">
        <v>15</v>
      </c>
      <c r="K47" s="27"/>
      <c r="L47" s="28" t="s">
        <v>210</v>
      </c>
      <c r="M47" s="27"/>
      <c r="N47" s="29" t="s">
        <v>210</v>
      </c>
    </row>
    <row r="48" spans="1:14" customFormat="1" ht="28.5" customHeight="1">
      <c r="A48" s="36" t="s">
        <v>58</v>
      </c>
      <c r="B48" s="37" t="s">
        <v>211</v>
      </c>
      <c r="C48" s="27"/>
      <c r="D48" s="38"/>
      <c r="E48" s="27"/>
      <c r="F48" s="39" t="s">
        <v>212</v>
      </c>
      <c r="G48" s="40"/>
      <c r="H48" s="39" t="s">
        <v>213</v>
      </c>
      <c r="I48" s="40"/>
      <c r="J48" s="39" t="s">
        <v>214</v>
      </c>
      <c r="K48" s="40"/>
      <c r="L48" s="39" t="s">
        <v>215</v>
      </c>
      <c r="M48" s="40"/>
      <c r="N48" s="41" t="s">
        <v>216</v>
      </c>
    </row>
    <row r="49" spans="1:14" customFormat="1" ht="28.5" customHeight="1">
      <c r="A49" s="13"/>
      <c r="B49" s="14"/>
      <c r="C49" s="27" t="s">
        <v>11</v>
      </c>
      <c r="D49" s="26" t="s">
        <v>217</v>
      </c>
      <c r="E49" s="27"/>
      <c r="F49" s="28" t="s">
        <v>218</v>
      </c>
      <c r="G49" s="27"/>
      <c r="H49" s="28" t="s">
        <v>219</v>
      </c>
      <c r="I49" s="27"/>
      <c r="J49" s="28" t="s">
        <v>220</v>
      </c>
      <c r="K49" s="27"/>
      <c r="L49" s="28" t="s">
        <v>221</v>
      </c>
      <c r="M49" s="27"/>
      <c r="N49" s="29" t="s">
        <v>222</v>
      </c>
    </row>
    <row r="50" spans="1:14" customFormat="1" ht="28.5" customHeight="1">
      <c r="A50" s="13"/>
      <c r="B50" s="14"/>
      <c r="C50" s="27" t="s">
        <v>17</v>
      </c>
      <c r="D50" s="26" t="s">
        <v>223</v>
      </c>
      <c r="E50" s="27"/>
      <c r="F50" s="28" t="s">
        <v>224</v>
      </c>
      <c r="G50" s="27"/>
      <c r="H50" s="28" t="s">
        <v>225</v>
      </c>
      <c r="I50" s="27"/>
      <c r="J50" s="28" t="s">
        <v>226</v>
      </c>
      <c r="K50" s="27"/>
      <c r="L50" s="28" t="s">
        <v>227</v>
      </c>
      <c r="M50" s="27"/>
      <c r="N50" s="29" t="s">
        <v>228</v>
      </c>
    </row>
    <row r="51" spans="1:14" customFormat="1" ht="28.5" customHeight="1">
      <c r="A51" s="13"/>
      <c r="B51" s="14"/>
      <c r="C51" s="27" t="s">
        <v>34</v>
      </c>
      <c r="D51" s="26" t="s">
        <v>229</v>
      </c>
      <c r="E51" s="27"/>
      <c r="F51" s="28" t="s">
        <v>230</v>
      </c>
      <c r="G51" s="27"/>
      <c r="H51" s="28" t="s">
        <v>231</v>
      </c>
      <c r="I51" s="27"/>
      <c r="J51" s="28" t="s">
        <v>232</v>
      </c>
      <c r="K51" s="27"/>
      <c r="L51" s="28" t="s">
        <v>233</v>
      </c>
      <c r="M51" s="27"/>
      <c r="N51" s="29" t="s">
        <v>234</v>
      </c>
    </row>
    <row r="52" spans="1:14" customFormat="1" ht="28.5" customHeight="1">
      <c r="A52" s="13"/>
      <c r="B52" s="14"/>
      <c r="C52" s="27" t="s">
        <v>41</v>
      </c>
      <c r="D52" s="26" t="s">
        <v>235</v>
      </c>
      <c r="E52" s="27"/>
      <c r="F52" s="28" t="s">
        <v>236</v>
      </c>
      <c r="G52" s="27"/>
      <c r="H52" s="28" t="s">
        <v>237</v>
      </c>
      <c r="I52" s="27"/>
      <c r="J52" s="28" t="s">
        <v>238</v>
      </c>
      <c r="K52" s="27"/>
      <c r="L52" s="28" t="s">
        <v>239</v>
      </c>
      <c r="M52" s="27"/>
      <c r="N52" s="29" t="s">
        <v>240</v>
      </c>
    </row>
    <row r="53" spans="1:14" customFormat="1" ht="28.5" customHeight="1">
      <c r="A53" s="13"/>
      <c r="B53" s="14"/>
      <c r="C53" s="27" t="s">
        <v>46</v>
      </c>
      <c r="D53" s="26" t="s">
        <v>241</v>
      </c>
      <c r="E53" s="27"/>
      <c r="F53" s="28" t="s">
        <v>242</v>
      </c>
      <c r="G53" s="27"/>
      <c r="H53" s="28" t="s">
        <v>243</v>
      </c>
      <c r="I53" s="27"/>
      <c r="J53" s="28" t="s">
        <v>244</v>
      </c>
      <c r="K53" s="27"/>
      <c r="L53" s="28" t="s">
        <v>245</v>
      </c>
      <c r="M53" s="27"/>
      <c r="N53" s="29" t="s">
        <v>246</v>
      </c>
    </row>
    <row r="54" spans="1:14" customFormat="1" ht="28.5" customHeight="1">
      <c r="A54" s="36" t="s">
        <v>65</v>
      </c>
      <c r="B54" s="37" t="s">
        <v>247</v>
      </c>
      <c r="C54" s="27"/>
      <c r="D54" s="38"/>
      <c r="E54" s="27"/>
      <c r="F54" s="39" t="s">
        <v>248</v>
      </c>
      <c r="G54" s="40"/>
      <c r="H54" s="39" t="s">
        <v>249</v>
      </c>
      <c r="I54" s="40"/>
      <c r="J54" s="39" t="s">
        <v>250</v>
      </c>
      <c r="K54" s="40"/>
      <c r="L54" s="39" t="s">
        <v>251</v>
      </c>
      <c r="M54" s="40"/>
      <c r="N54" s="41" t="s">
        <v>252</v>
      </c>
    </row>
    <row r="55" spans="1:14" customFormat="1" ht="28.5" customHeight="1">
      <c r="A55" s="13"/>
      <c r="B55" s="14"/>
      <c r="C55" s="27" t="s">
        <v>11</v>
      </c>
      <c r="D55" s="26" t="s">
        <v>253</v>
      </c>
      <c r="E55" s="27"/>
      <c r="F55" s="28" t="s">
        <v>254</v>
      </c>
      <c r="G55" s="27"/>
      <c r="H55" s="28" t="s">
        <v>255</v>
      </c>
      <c r="I55" s="27"/>
      <c r="J55" s="28" t="s">
        <v>256</v>
      </c>
      <c r="K55" s="27"/>
      <c r="L55" s="28" t="s">
        <v>257</v>
      </c>
      <c r="M55" s="27"/>
      <c r="N55" s="29" t="s">
        <v>258</v>
      </c>
    </row>
    <row r="56" spans="1:14" customFormat="1" ht="28.5" customHeight="1">
      <c r="A56" s="13"/>
      <c r="B56" s="14"/>
      <c r="C56" s="27" t="s">
        <v>17</v>
      </c>
      <c r="D56" s="26" t="s">
        <v>259</v>
      </c>
      <c r="E56" s="27"/>
      <c r="F56" s="28" t="s">
        <v>260</v>
      </c>
      <c r="G56" s="27"/>
      <c r="H56" s="28" t="s">
        <v>261</v>
      </c>
      <c r="I56" s="27"/>
      <c r="J56" s="28" t="s">
        <v>15</v>
      </c>
      <c r="K56" s="27"/>
      <c r="L56" s="28" t="s">
        <v>262</v>
      </c>
      <c r="M56" s="27"/>
      <c r="N56" s="29" t="s">
        <v>262</v>
      </c>
    </row>
    <row r="57" spans="1:14" customFormat="1" ht="28.5" customHeight="1">
      <c r="A57" s="13"/>
      <c r="B57" s="14"/>
      <c r="C57" s="27" t="s">
        <v>34</v>
      </c>
      <c r="D57" s="26" t="s">
        <v>263</v>
      </c>
      <c r="E57" s="27"/>
      <c r="F57" s="28" t="s">
        <v>264</v>
      </c>
      <c r="G57" s="27"/>
      <c r="H57" s="28" t="s">
        <v>265</v>
      </c>
      <c r="I57" s="27"/>
      <c r="J57" s="28" t="s">
        <v>266</v>
      </c>
      <c r="K57" s="27"/>
      <c r="L57" s="28" t="s">
        <v>267</v>
      </c>
      <c r="M57" s="27"/>
      <c r="N57" s="29" t="s">
        <v>268</v>
      </c>
    </row>
    <row r="58" spans="1:14" customFormat="1" ht="28.5" customHeight="1">
      <c r="A58" s="36" t="s">
        <v>72</v>
      </c>
      <c r="B58" s="37" t="s">
        <v>269</v>
      </c>
      <c r="C58" s="27"/>
      <c r="D58" s="38"/>
      <c r="E58" s="27"/>
      <c r="F58" s="39" t="s">
        <v>270</v>
      </c>
      <c r="G58" s="40"/>
      <c r="H58" s="39" t="s">
        <v>271</v>
      </c>
      <c r="I58" s="40"/>
      <c r="J58" s="39" t="s">
        <v>272</v>
      </c>
      <c r="K58" s="40"/>
      <c r="L58" s="39" t="s">
        <v>273</v>
      </c>
      <c r="M58" s="40"/>
      <c r="N58" s="41" t="s">
        <v>274</v>
      </c>
    </row>
    <row r="59" spans="1:14" customFormat="1" ht="28.5" customHeight="1">
      <c r="A59" s="13"/>
      <c r="B59" s="14"/>
      <c r="C59" s="27" t="s">
        <v>11</v>
      </c>
      <c r="D59" s="26" t="s">
        <v>275</v>
      </c>
      <c r="E59" s="27"/>
      <c r="F59" s="28" t="s">
        <v>276</v>
      </c>
      <c r="G59" s="27"/>
      <c r="H59" s="28" t="s">
        <v>277</v>
      </c>
      <c r="I59" s="27"/>
      <c r="J59" s="28" t="s">
        <v>278</v>
      </c>
      <c r="K59" s="27"/>
      <c r="L59" s="28" t="s">
        <v>279</v>
      </c>
      <c r="M59" s="27"/>
      <c r="N59" s="29" t="s">
        <v>280</v>
      </c>
    </row>
    <row r="60" spans="1:14" customFormat="1" ht="28.5" customHeight="1">
      <c r="A60" s="13"/>
      <c r="B60" s="14"/>
      <c r="C60" s="27" t="s">
        <v>17</v>
      </c>
      <c r="D60" s="55" t="s">
        <v>281</v>
      </c>
      <c r="E60" s="27"/>
      <c r="F60" s="28" t="s">
        <v>282</v>
      </c>
      <c r="G60" s="27"/>
      <c r="H60" s="28" t="s">
        <v>283</v>
      </c>
      <c r="I60" s="27"/>
      <c r="J60" s="28" t="s">
        <v>284</v>
      </c>
      <c r="K60" s="27"/>
      <c r="L60" s="28" t="s">
        <v>285</v>
      </c>
      <c r="M60" s="27"/>
      <c r="N60" s="29" t="s">
        <v>286</v>
      </c>
    </row>
    <row r="61" spans="1:14" customFormat="1" ht="28.5" customHeight="1">
      <c r="A61" s="13"/>
      <c r="B61" s="14"/>
      <c r="C61" s="27" t="s">
        <v>34</v>
      </c>
      <c r="D61" s="26" t="s">
        <v>287</v>
      </c>
      <c r="E61" s="27"/>
      <c r="F61" s="28" t="s">
        <v>288</v>
      </c>
      <c r="G61" s="27"/>
      <c r="H61" s="28" t="s">
        <v>289</v>
      </c>
      <c r="I61" s="27"/>
      <c r="J61" s="28" t="s">
        <v>290</v>
      </c>
      <c r="K61" s="27"/>
      <c r="L61" s="28" t="s">
        <v>291</v>
      </c>
      <c r="M61" s="27"/>
      <c r="N61" s="29" t="s">
        <v>292</v>
      </c>
    </row>
    <row r="62" spans="1:14" customFormat="1" ht="28.5" customHeight="1">
      <c r="A62" s="13"/>
      <c r="B62" s="14"/>
      <c r="C62" s="27" t="s">
        <v>41</v>
      </c>
      <c r="D62" s="26" t="s">
        <v>293</v>
      </c>
      <c r="E62" s="27"/>
      <c r="F62" s="28" t="s">
        <v>294</v>
      </c>
      <c r="G62" s="27"/>
      <c r="H62" s="28" t="s">
        <v>295</v>
      </c>
      <c r="I62" s="27"/>
      <c r="J62" s="28" t="s">
        <v>296</v>
      </c>
      <c r="K62" s="27"/>
      <c r="L62" s="28" t="s">
        <v>297</v>
      </c>
      <c r="M62" s="27"/>
      <c r="N62" s="29" t="s">
        <v>298</v>
      </c>
    </row>
    <row r="63" spans="1:14" customFormat="1" ht="28.5" customHeight="1">
      <c r="A63" s="30"/>
      <c r="B63" s="31"/>
      <c r="C63" s="32" t="s">
        <v>46</v>
      </c>
      <c r="D63" s="33" t="s">
        <v>299</v>
      </c>
      <c r="E63" s="32"/>
      <c r="F63" s="34" t="s">
        <v>300</v>
      </c>
      <c r="G63" s="32"/>
      <c r="H63" s="34" t="s">
        <v>301</v>
      </c>
      <c r="I63" s="32"/>
      <c r="J63" s="34" t="s">
        <v>302</v>
      </c>
      <c r="K63" s="32"/>
      <c r="L63" s="34" t="s">
        <v>303</v>
      </c>
      <c r="M63" s="32"/>
      <c r="N63" s="35" t="s">
        <v>304</v>
      </c>
    </row>
    <row r="66" spans="1:14" s="1" customFormat="1" ht="24.75" customHeight="1">
      <c r="A66" s="2"/>
      <c r="B66" s="3"/>
      <c r="C66" s="3"/>
      <c r="D66" s="3"/>
      <c r="E66" s="3"/>
      <c r="F66" s="3"/>
      <c r="G66" s="3"/>
      <c r="H66" s="3"/>
      <c r="I66" s="3"/>
      <c r="J66" s="3"/>
      <c r="K66" s="3"/>
      <c r="L66" s="3"/>
      <c r="M66" s="3"/>
      <c r="N66" s="4" t="s">
        <v>0</v>
      </c>
    </row>
    <row r="67" spans="1:14" ht="19.5" customHeight="1">
      <c r="A67" s="73" t="s">
        <v>1</v>
      </c>
      <c r="B67" s="69"/>
      <c r="C67" s="69" t="s">
        <v>2</v>
      </c>
      <c r="D67" s="69"/>
      <c r="E67" s="69" t="s">
        <v>3</v>
      </c>
      <c r="F67" s="69"/>
      <c r="G67" s="69" t="s">
        <v>4</v>
      </c>
      <c r="H67" s="69"/>
      <c r="I67" s="69" t="s">
        <v>5</v>
      </c>
      <c r="J67" s="69"/>
      <c r="K67" s="69" t="s">
        <v>6</v>
      </c>
      <c r="L67" s="69"/>
      <c r="M67" s="65" t="s">
        <v>7</v>
      </c>
      <c r="N67" s="66"/>
    </row>
    <row r="68" spans="1:14" ht="19.5" customHeight="1">
      <c r="A68" s="74"/>
      <c r="B68" s="70"/>
      <c r="C68" s="70"/>
      <c r="D68" s="70"/>
      <c r="E68" s="70"/>
      <c r="F68" s="70"/>
      <c r="G68" s="70"/>
      <c r="H68" s="70"/>
      <c r="I68" s="70"/>
      <c r="J68" s="70"/>
      <c r="K68" s="70"/>
      <c r="L68" s="70"/>
      <c r="M68" s="67"/>
      <c r="N68" s="68"/>
    </row>
    <row r="69" spans="1:14" ht="10.5" customHeight="1">
      <c r="A69" s="6"/>
      <c r="B69" s="7"/>
      <c r="C69" s="10"/>
      <c r="D69" s="9"/>
      <c r="E69" s="10"/>
      <c r="F69" s="11" t="s">
        <v>8</v>
      </c>
      <c r="G69" s="10"/>
      <c r="H69" s="11" t="s">
        <v>8</v>
      </c>
      <c r="I69" s="10"/>
      <c r="J69" s="11" t="s">
        <v>8</v>
      </c>
      <c r="K69" s="10"/>
      <c r="L69" s="11" t="s">
        <v>8</v>
      </c>
      <c r="M69" s="10"/>
      <c r="N69" s="12" t="s">
        <v>8</v>
      </c>
    </row>
    <row r="70" spans="1:14" customFormat="1" ht="28.5" customHeight="1">
      <c r="A70" s="13"/>
      <c r="B70" s="14"/>
      <c r="C70" s="16" t="s">
        <v>51</v>
      </c>
      <c r="D70" s="25" t="s">
        <v>305</v>
      </c>
      <c r="E70" s="16"/>
      <c r="F70" s="17" t="s">
        <v>306</v>
      </c>
      <c r="G70" s="16"/>
      <c r="H70" s="17" t="s">
        <v>307</v>
      </c>
      <c r="I70" s="16"/>
      <c r="J70" s="17" t="s">
        <v>308</v>
      </c>
      <c r="K70" s="16"/>
      <c r="L70" s="17" t="s">
        <v>309</v>
      </c>
      <c r="M70" s="16"/>
      <c r="N70" s="18" t="s">
        <v>310</v>
      </c>
    </row>
    <row r="71" spans="1:14" customFormat="1" ht="28.5" customHeight="1">
      <c r="A71" s="13"/>
      <c r="B71" s="14"/>
      <c r="C71" s="27" t="s">
        <v>58</v>
      </c>
      <c r="D71" s="26" t="s">
        <v>311</v>
      </c>
      <c r="E71" s="27"/>
      <c r="F71" s="28" t="s">
        <v>312</v>
      </c>
      <c r="G71" s="27"/>
      <c r="H71" s="28" t="s">
        <v>313</v>
      </c>
      <c r="I71" s="27"/>
      <c r="J71" s="28" t="s">
        <v>314</v>
      </c>
      <c r="K71" s="27"/>
      <c r="L71" s="28" t="s">
        <v>315</v>
      </c>
      <c r="M71" s="27"/>
      <c r="N71" s="29" t="s">
        <v>316</v>
      </c>
    </row>
    <row r="72" spans="1:14" customFormat="1" ht="28.5" customHeight="1">
      <c r="A72" s="13"/>
      <c r="B72" s="14"/>
      <c r="C72" s="27" t="s">
        <v>65</v>
      </c>
      <c r="D72" s="26" t="s">
        <v>317</v>
      </c>
      <c r="E72" s="27"/>
      <c r="F72" s="28" t="s">
        <v>318</v>
      </c>
      <c r="G72" s="27"/>
      <c r="H72" s="28" t="s">
        <v>319</v>
      </c>
      <c r="I72" s="27"/>
      <c r="J72" s="28" t="s">
        <v>15</v>
      </c>
      <c r="K72" s="27"/>
      <c r="L72" s="28" t="s">
        <v>320</v>
      </c>
      <c r="M72" s="27"/>
      <c r="N72" s="29" t="s">
        <v>320</v>
      </c>
    </row>
    <row r="73" spans="1:14" customFormat="1" ht="28.5" customHeight="1">
      <c r="A73" s="13"/>
      <c r="B73" s="14"/>
      <c r="C73" s="27" t="s">
        <v>72</v>
      </c>
      <c r="D73" s="26" t="s">
        <v>321</v>
      </c>
      <c r="E73" s="27"/>
      <c r="F73" s="28" t="s">
        <v>322</v>
      </c>
      <c r="G73" s="27"/>
      <c r="H73" s="28" t="s">
        <v>323</v>
      </c>
      <c r="I73" s="27"/>
      <c r="J73" s="28" t="s">
        <v>15</v>
      </c>
      <c r="K73" s="27"/>
      <c r="L73" s="28" t="s">
        <v>324</v>
      </c>
      <c r="M73" s="27"/>
      <c r="N73" s="29" t="s">
        <v>324</v>
      </c>
    </row>
    <row r="74" spans="1:14" customFormat="1" ht="28.5" customHeight="1">
      <c r="A74" s="36" t="s">
        <v>78</v>
      </c>
      <c r="B74" s="37" t="s">
        <v>325</v>
      </c>
      <c r="C74" s="27"/>
      <c r="D74" s="38"/>
      <c r="E74" s="27"/>
      <c r="F74" s="39" t="s">
        <v>326</v>
      </c>
      <c r="G74" s="40"/>
      <c r="H74" s="39" t="s">
        <v>327</v>
      </c>
      <c r="I74" s="40"/>
      <c r="J74" s="39" t="s">
        <v>328</v>
      </c>
      <c r="K74" s="40"/>
      <c r="L74" s="39" t="s">
        <v>329</v>
      </c>
      <c r="M74" s="40"/>
      <c r="N74" s="41" t="s">
        <v>330</v>
      </c>
    </row>
    <row r="75" spans="1:14" customFormat="1" ht="28.5" customHeight="1">
      <c r="A75" s="13"/>
      <c r="B75" s="14"/>
      <c r="C75" s="27" t="s">
        <v>11</v>
      </c>
      <c r="D75" s="26" t="s">
        <v>331</v>
      </c>
      <c r="E75" s="27"/>
      <c r="F75" s="28" t="s">
        <v>332</v>
      </c>
      <c r="G75" s="27"/>
      <c r="H75" s="28" t="s">
        <v>333</v>
      </c>
      <c r="I75" s="27"/>
      <c r="J75" s="28" t="s">
        <v>334</v>
      </c>
      <c r="K75" s="27"/>
      <c r="L75" s="28" t="s">
        <v>335</v>
      </c>
      <c r="M75" s="27"/>
      <c r="N75" s="29" t="s">
        <v>336</v>
      </c>
    </row>
    <row r="76" spans="1:14" customFormat="1" ht="28.5" customHeight="1">
      <c r="A76" s="13"/>
      <c r="B76" s="14"/>
      <c r="C76" s="27" t="s">
        <v>17</v>
      </c>
      <c r="D76" s="26" t="s">
        <v>337</v>
      </c>
      <c r="E76" s="27"/>
      <c r="F76" s="28" t="s">
        <v>338</v>
      </c>
      <c r="G76" s="27"/>
      <c r="H76" s="28" t="s">
        <v>339</v>
      </c>
      <c r="I76" s="27"/>
      <c r="J76" s="28" t="s">
        <v>340</v>
      </c>
      <c r="K76" s="27"/>
      <c r="L76" s="28" t="s">
        <v>341</v>
      </c>
      <c r="M76" s="27"/>
      <c r="N76" s="29" t="s">
        <v>342</v>
      </c>
    </row>
    <row r="77" spans="1:14" customFormat="1" ht="28.5" customHeight="1">
      <c r="A77" s="36" t="s">
        <v>85</v>
      </c>
      <c r="B77" s="37" t="s">
        <v>343</v>
      </c>
      <c r="C77" s="27"/>
      <c r="D77" s="38"/>
      <c r="E77" s="27"/>
      <c r="F77" s="39" t="s">
        <v>344</v>
      </c>
      <c r="G77" s="40"/>
      <c r="H77" s="39" t="s">
        <v>345</v>
      </c>
      <c r="I77" s="40"/>
      <c r="J77" s="39" t="s">
        <v>346</v>
      </c>
      <c r="K77" s="40"/>
      <c r="L77" s="39" t="s">
        <v>347</v>
      </c>
      <c r="M77" s="40"/>
      <c r="N77" s="41" t="s">
        <v>348</v>
      </c>
    </row>
    <row r="78" spans="1:14" customFormat="1" ht="28.5" customHeight="1">
      <c r="A78" s="13"/>
      <c r="B78" s="14"/>
      <c r="C78" s="27" t="s">
        <v>11</v>
      </c>
      <c r="D78" s="26" t="s">
        <v>349</v>
      </c>
      <c r="E78" s="27"/>
      <c r="F78" s="28" t="s">
        <v>350</v>
      </c>
      <c r="G78" s="27"/>
      <c r="H78" s="28" t="s">
        <v>351</v>
      </c>
      <c r="I78" s="27"/>
      <c r="J78" s="28" t="s">
        <v>352</v>
      </c>
      <c r="K78" s="27"/>
      <c r="L78" s="28" t="s">
        <v>353</v>
      </c>
      <c r="M78" s="27"/>
      <c r="N78" s="29" t="s">
        <v>354</v>
      </c>
    </row>
    <row r="79" spans="1:14" customFormat="1" ht="28.5" customHeight="1">
      <c r="A79" s="13"/>
      <c r="B79" s="14"/>
      <c r="C79" s="27" t="s">
        <v>17</v>
      </c>
      <c r="D79" s="26" t="s">
        <v>355</v>
      </c>
      <c r="E79" s="27"/>
      <c r="F79" s="28" t="s">
        <v>356</v>
      </c>
      <c r="G79" s="27"/>
      <c r="H79" s="28" t="s">
        <v>357</v>
      </c>
      <c r="I79" s="27"/>
      <c r="J79" s="28" t="s">
        <v>15</v>
      </c>
      <c r="K79" s="27"/>
      <c r="L79" s="28" t="s">
        <v>358</v>
      </c>
      <c r="M79" s="27"/>
      <c r="N79" s="29" t="s">
        <v>358</v>
      </c>
    </row>
    <row r="80" spans="1:14" customFormat="1" ht="28.5" customHeight="1">
      <c r="A80" s="13"/>
      <c r="B80" s="14"/>
      <c r="C80" s="27" t="s">
        <v>34</v>
      </c>
      <c r="D80" s="26" t="s">
        <v>359</v>
      </c>
      <c r="E80" s="27"/>
      <c r="F80" s="28" t="s">
        <v>360</v>
      </c>
      <c r="G80" s="27"/>
      <c r="H80" s="28" t="s">
        <v>361</v>
      </c>
      <c r="I80" s="27"/>
      <c r="J80" s="28" t="s">
        <v>15</v>
      </c>
      <c r="K80" s="27"/>
      <c r="L80" s="28" t="s">
        <v>362</v>
      </c>
      <c r="M80" s="27"/>
      <c r="N80" s="29" t="s">
        <v>362</v>
      </c>
    </row>
    <row r="81" spans="1:14" customFormat="1" ht="28.5" customHeight="1">
      <c r="A81" s="13"/>
      <c r="B81" s="14"/>
      <c r="C81" s="27" t="s">
        <v>41</v>
      </c>
      <c r="D81" s="26" t="s">
        <v>363</v>
      </c>
      <c r="E81" s="27"/>
      <c r="F81" s="28" t="s">
        <v>364</v>
      </c>
      <c r="G81" s="27"/>
      <c r="H81" s="28" t="s">
        <v>365</v>
      </c>
      <c r="I81" s="27"/>
      <c r="J81" s="28" t="s">
        <v>366</v>
      </c>
      <c r="K81" s="27"/>
      <c r="L81" s="28" t="s">
        <v>367</v>
      </c>
      <c r="M81" s="27"/>
      <c r="N81" s="29" t="s">
        <v>368</v>
      </c>
    </row>
    <row r="82" spans="1:14" customFormat="1" ht="28.5" customHeight="1">
      <c r="A82" s="13"/>
      <c r="B82" s="14"/>
      <c r="C82" s="27" t="s">
        <v>46</v>
      </c>
      <c r="D82" s="55" t="s">
        <v>433</v>
      </c>
      <c r="E82" s="27"/>
      <c r="F82" s="28" t="s">
        <v>369</v>
      </c>
      <c r="G82" s="27"/>
      <c r="H82" s="28" t="s">
        <v>370</v>
      </c>
      <c r="I82" s="27"/>
      <c r="J82" s="28" t="s">
        <v>371</v>
      </c>
      <c r="K82" s="27"/>
      <c r="L82" s="28" t="s">
        <v>372</v>
      </c>
      <c r="M82" s="27"/>
      <c r="N82" s="29" t="s">
        <v>373</v>
      </c>
    </row>
    <row r="83" spans="1:14" customFormat="1" ht="28.5" customHeight="1">
      <c r="A83" s="13"/>
      <c r="B83" s="14"/>
      <c r="C83" s="27" t="s">
        <v>51</v>
      </c>
      <c r="D83" s="26" t="s">
        <v>374</v>
      </c>
      <c r="E83" s="27"/>
      <c r="F83" s="28" t="s">
        <v>375</v>
      </c>
      <c r="G83" s="27"/>
      <c r="H83" s="28" t="s">
        <v>376</v>
      </c>
      <c r="I83" s="27"/>
      <c r="J83" s="28" t="s">
        <v>377</v>
      </c>
      <c r="K83" s="27"/>
      <c r="L83" s="28" t="s">
        <v>378</v>
      </c>
      <c r="M83" s="27"/>
      <c r="N83" s="29" t="s">
        <v>379</v>
      </c>
    </row>
    <row r="84" spans="1:14" customFormat="1" ht="28.5" customHeight="1">
      <c r="A84" s="13"/>
      <c r="B84" s="14"/>
      <c r="C84" s="27" t="s">
        <v>58</v>
      </c>
      <c r="D84" s="26" t="s">
        <v>380</v>
      </c>
      <c r="E84" s="27"/>
      <c r="F84" s="28" t="s">
        <v>381</v>
      </c>
      <c r="G84" s="27"/>
      <c r="H84" s="28" t="s">
        <v>382</v>
      </c>
      <c r="I84" s="27"/>
      <c r="J84" s="28" t="s">
        <v>383</v>
      </c>
      <c r="K84" s="27"/>
      <c r="L84" s="28" t="s">
        <v>384</v>
      </c>
      <c r="M84" s="27"/>
      <c r="N84" s="29" t="s">
        <v>385</v>
      </c>
    </row>
    <row r="85" spans="1:14" customFormat="1" ht="28.5" customHeight="1">
      <c r="A85" s="13"/>
      <c r="B85" s="14"/>
      <c r="C85" s="27" t="s">
        <v>65</v>
      </c>
      <c r="D85" s="26" t="s">
        <v>386</v>
      </c>
      <c r="E85" s="27"/>
      <c r="F85" s="28" t="s">
        <v>387</v>
      </c>
      <c r="G85" s="27"/>
      <c r="H85" s="28" t="s">
        <v>388</v>
      </c>
      <c r="I85" s="27"/>
      <c r="J85" s="28" t="s">
        <v>389</v>
      </c>
      <c r="K85" s="27"/>
      <c r="L85" s="28" t="s">
        <v>390</v>
      </c>
      <c r="M85" s="27"/>
      <c r="N85" s="29" t="s">
        <v>391</v>
      </c>
    </row>
    <row r="86" spans="1:14" customFormat="1" ht="28.5" customHeight="1">
      <c r="A86" s="13"/>
      <c r="B86" s="14"/>
      <c r="C86" s="27" t="s">
        <v>72</v>
      </c>
      <c r="D86" s="26" t="s">
        <v>392</v>
      </c>
      <c r="E86" s="27"/>
      <c r="F86" s="28" t="s">
        <v>393</v>
      </c>
      <c r="G86" s="27"/>
      <c r="H86" s="28" t="s">
        <v>394</v>
      </c>
      <c r="I86" s="27"/>
      <c r="J86" s="28" t="s">
        <v>15</v>
      </c>
      <c r="K86" s="27"/>
      <c r="L86" s="28" t="s">
        <v>395</v>
      </c>
      <c r="M86" s="27"/>
      <c r="N86" s="29" t="s">
        <v>395</v>
      </c>
    </row>
    <row r="87" spans="1:14" customFormat="1" ht="28.5" customHeight="1">
      <c r="A87" s="36" t="s">
        <v>90</v>
      </c>
      <c r="B87" s="37" t="s">
        <v>396</v>
      </c>
      <c r="C87" s="27"/>
      <c r="D87" s="38"/>
      <c r="E87" s="27"/>
      <c r="F87" s="39" t="s">
        <v>397</v>
      </c>
      <c r="G87" s="40"/>
      <c r="H87" s="39" t="s">
        <v>398</v>
      </c>
      <c r="I87" s="40"/>
      <c r="J87" s="39" t="s">
        <v>399</v>
      </c>
      <c r="K87" s="40"/>
      <c r="L87" s="39" t="s">
        <v>400</v>
      </c>
      <c r="M87" s="40"/>
      <c r="N87" s="41" t="s">
        <v>401</v>
      </c>
    </row>
    <row r="88" spans="1:14" customFormat="1" ht="28.5" customHeight="1">
      <c r="A88" s="13"/>
      <c r="B88" s="14"/>
      <c r="C88" s="27" t="s">
        <v>11</v>
      </c>
      <c r="D88" s="62" t="s">
        <v>439</v>
      </c>
      <c r="E88" s="27"/>
      <c r="F88" s="28" t="s">
        <v>402</v>
      </c>
      <c r="G88" s="27"/>
      <c r="H88" s="28" t="s">
        <v>403</v>
      </c>
      <c r="I88" s="27"/>
      <c r="J88" s="28" t="s">
        <v>404</v>
      </c>
      <c r="K88" s="27"/>
      <c r="L88" s="28" t="s">
        <v>405</v>
      </c>
      <c r="M88" s="27"/>
      <c r="N88" s="29" t="s">
        <v>406</v>
      </c>
    </row>
    <row r="89" spans="1:14" customFormat="1" ht="28.5" customHeight="1">
      <c r="A89" s="13"/>
      <c r="B89" s="14"/>
      <c r="C89" s="27" t="s">
        <v>17</v>
      </c>
      <c r="D89" s="62" t="s">
        <v>440</v>
      </c>
      <c r="E89" s="27"/>
      <c r="F89" s="28" t="s">
        <v>407</v>
      </c>
      <c r="G89" s="27"/>
      <c r="H89" s="28" t="s">
        <v>408</v>
      </c>
      <c r="I89" s="27"/>
      <c r="J89" s="28" t="s">
        <v>409</v>
      </c>
      <c r="K89" s="27"/>
      <c r="L89" s="28" t="s">
        <v>410</v>
      </c>
      <c r="M89" s="27"/>
      <c r="N89" s="29" t="s">
        <v>411</v>
      </c>
    </row>
    <row r="90" spans="1:14" customFormat="1" ht="28.5" customHeight="1">
      <c r="A90" s="36" t="s">
        <v>412</v>
      </c>
      <c r="B90" s="37" t="s">
        <v>413</v>
      </c>
      <c r="C90" s="27"/>
      <c r="D90" s="38"/>
      <c r="E90" s="27"/>
      <c r="F90" s="39" t="s">
        <v>414</v>
      </c>
      <c r="G90" s="40"/>
      <c r="H90" s="39" t="s">
        <v>415</v>
      </c>
      <c r="I90" s="40"/>
      <c r="J90" s="39" t="s">
        <v>15</v>
      </c>
      <c r="K90" s="40"/>
      <c r="L90" s="39" t="s">
        <v>416</v>
      </c>
      <c r="M90" s="40"/>
      <c r="N90" s="41" t="s">
        <v>416</v>
      </c>
    </row>
    <row r="91" spans="1:14" customFormat="1" ht="28.5" customHeight="1">
      <c r="A91" s="13"/>
      <c r="B91" s="14"/>
      <c r="C91" s="27" t="s">
        <v>11</v>
      </c>
      <c r="D91" s="26" t="s">
        <v>413</v>
      </c>
      <c r="E91" s="27"/>
      <c r="F91" s="28" t="s">
        <v>414</v>
      </c>
      <c r="G91" s="27"/>
      <c r="H91" s="28" t="s">
        <v>415</v>
      </c>
      <c r="I91" s="27"/>
      <c r="J91" s="28" t="s">
        <v>15</v>
      </c>
      <c r="K91" s="27"/>
      <c r="L91" s="28" t="s">
        <v>416</v>
      </c>
      <c r="M91" s="27"/>
      <c r="N91" s="29" t="s">
        <v>416</v>
      </c>
    </row>
    <row r="92" spans="1:14" customFormat="1" ht="28.5" customHeight="1">
      <c r="A92" s="36" t="s">
        <v>417</v>
      </c>
      <c r="B92" s="37" t="s">
        <v>418</v>
      </c>
      <c r="C92" s="27"/>
      <c r="D92" s="38"/>
      <c r="E92" s="27"/>
      <c r="F92" s="39" t="s">
        <v>419</v>
      </c>
      <c r="G92" s="40"/>
      <c r="H92" s="39" t="s">
        <v>420</v>
      </c>
      <c r="I92" s="40"/>
      <c r="J92" s="39" t="s">
        <v>15</v>
      </c>
      <c r="K92" s="40"/>
      <c r="L92" s="39" t="s">
        <v>421</v>
      </c>
      <c r="M92" s="40"/>
      <c r="N92" s="41" t="s">
        <v>421</v>
      </c>
    </row>
    <row r="93" spans="1:14" customFormat="1" ht="28.5" customHeight="1">
      <c r="A93" s="13"/>
      <c r="B93" s="14"/>
      <c r="C93" s="27" t="s">
        <v>11</v>
      </c>
      <c r="D93" s="55" t="s">
        <v>434</v>
      </c>
      <c r="E93" s="27"/>
      <c r="F93" s="28" t="s">
        <v>419</v>
      </c>
      <c r="G93" s="27"/>
      <c r="H93" s="28" t="s">
        <v>420</v>
      </c>
      <c r="I93" s="27"/>
      <c r="J93" s="28" t="s">
        <v>15</v>
      </c>
      <c r="K93" s="27"/>
      <c r="L93" s="28" t="s">
        <v>421</v>
      </c>
      <c r="M93" s="27"/>
      <c r="N93" s="29" t="s">
        <v>421</v>
      </c>
    </row>
    <row r="94" spans="1:14" customFormat="1" ht="28.5" customHeight="1">
      <c r="A94" s="36" t="s">
        <v>422</v>
      </c>
      <c r="B94" s="37" t="s">
        <v>423</v>
      </c>
      <c r="C94" s="27"/>
      <c r="D94" s="38"/>
      <c r="E94" s="27"/>
      <c r="F94" s="39" t="s">
        <v>424</v>
      </c>
      <c r="G94" s="40"/>
      <c r="H94" s="39" t="s">
        <v>15</v>
      </c>
      <c r="I94" s="40"/>
      <c r="J94" s="39" t="s">
        <v>15</v>
      </c>
      <c r="K94" s="40"/>
      <c r="L94" s="39" t="s">
        <v>424</v>
      </c>
      <c r="M94" s="40"/>
      <c r="N94" s="41" t="s">
        <v>424</v>
      </c>
    </row>
    <row r="95" spans="1:14" customFormat="1" ht="28.5" customHeight="1">
      <c r="A95" s="30"/>
      <c r="B95" s="31"/>
      <c r="C95" s="32" t="s">
        <v>11</v>
      </c>
      <c r="D95" s="33" t="s">
        <v>423</v>
      </c>
      <c r="E95" s="32"/>
      <c r="F95" s="34" t="s">
        <v>424</v>
      </c>
      <c r="G95" s="32"/>
      <c r="H95" s="34" t="s">
        <v>15</v>
      </c>
      <c r="I95" s="32"/>
      <c r="J95" s="34" t="s">
        <v>15</v>
      </c>
      <c r="K95" s="32"/>
      <c r="L95" s="34" t="s">
        <v>424</v>
      </c>
      <c r="M95" s="32"/>
      <c r="N95" s="35" t="s">
        <v>424</v>
      </c>
    </row>
    <row r="98" spans="1:14" s="1" customFormat="1" ht="24.75" customHeight="1">
      <c r="A98" s="2"/>
      <c r="B98" s="3"/>
      <c r="C98" s="3"/>
      <c r="D98" s="3"/>
      <c r="E98" s="3"/>
      <c r="F98" s="3"/>
      <c r="G98" s="3"/>
      <c r="H98" s="3"/>
      <c r="I98" s="3"/>
      <c r="J98" s="3"/>
      <c r="K98" s="3"/>
      <c r="L98" s="3"/>
      <c r="M98" s="3"/>
      <c r="N98" s="4" t="s">
        <v>0</v>
      </c>
    </row>
    <row r="99" spans="1:14" ht="19.5" customHeight="1">
      <c r="A99" s="73" t="s">
        <v>1</v>
      </c>
      <c r="B99" s="69"/>
      <c r="C99" s="69" t="s">
        <v>2</v>
      </c>
      <c r="D99" s="69"/>
      <c r="E99" s="69" t="s">
        <v>3</v>
      </c>
      <c r="F99" s="69"/>
      <c r="G99" s="69" t="s">
        <v>4</v>
      </c>
      <c r="H99" s="69"/>
      <c r="I99" s="69" t="s">
        <v>5</v>
      </c>
      <c r="J99" s="69"/>
      <c r="K99" s="69" t="s">
        <v>6</v>
      </c>
      <c r="L99" s="69"/>
      <c r="M99" s="65" t="s">
        <v>7</v>
      </c>
      <c r="N99" s="66"/>
    </row>
    <row r="100" spans="1:14" ht="19.5" customHeight="1">
      <c r="A100" s="74"/>
      <c r="B100" s="70"/>
      <c r="C100" s="70"/>
      <c r="D100" s="70"/>
      <c r="E100" s="70"/>
      <c r="F100" s="70"/>
      <c r="G100" s="70"/>
      <c r="H100" s="70"/>
      <c r="I100" s="70"/>
      <c r="J100" s="70"/>
      <c r="K100" s="70"/>
      <c r="L100" s="70"/>
      <c r="M100" s="67"/>
      <c r="N100" s="68"/>
    </row>
    <row r="101" spans="1:14" ht="10.5" customHeight="1">
      <c r="A101" s="6"/>
      <c r="B101" s="7"/>
      <c r="C101" s="8"/>
      <c r="D101" s="9"/>
      <c r="E101" s="10"/>
      <c r="F101" s="11" t="s">
        <v>8</v>
      </c>
      <c r="G101" s="10"/>
      <c r="H101" s="11" t="s">
        <v>8</v>
      </c>
      <c r="I101" s="10"/>
      <c r="J101" s="11" t="s">
        <v>8</v>
      </c>
      <c r="K101" s="10"/>
      <c r="L101" s="11" t="s">
        <v>8</v>
      </c>
      <c r="M101" s="10"/>
      <c r="N101" s="12" t="s">
        <v>8</v>
      </c>
    </row>
    <row r="102" spans="1:14" s="49" customFormat="1" ht="28.5" customHeight="1">
      <c r="A102" s="71" t="s">
        <v>9</v>
      </c>
      <c r="B102" s="72"/>
      <c r="C102" s="72"/>
      <c r="D102" s="72"/>
      <c r="E102" s="19"/>
      <c r="F102" s="50" t="s">
        <v>425</v>
      </c>
      <c r="G102" s="51"/>
      <c r="H102" s="50" t="s">
        <v>426</v>
      </c>
      <c r="I102" s="51"/>
      <c r="J102" s="50" t="s">
        <v>427</v>
      </c>
      <c r="K102" s="51"/>
      <c r="L102" s="50" t="s">
        <v>428</v>
      </c>
      <c r="M102" s="51"/>
      <c r="N102" s="52" t="s">
        <v>429</v>
      </c>
    </row>
    <row r="103" spans="1:14" s="49" customFormat="1" ht="18" customHeight="1">
      <c r="A103" s="56"/>
      <c r="B103" s="56"/>
      <c r="C103" s="56"/>
      <c r="D103" s="56"/>
      <c r="E103" s="57"/>
      <c r="F103" s="58"/>
      <c r="G103" s="58"/>
      <c r="H103" s="58"/>
      <c r="I103" s="58"/>
      <c r="J103" s="58"/>
      <c r="K103" s="58"/>
      <c r="L103" s="58"/>
      <c r="M103" s="58"/>
      <c r="N103" s="58"/>
    </row>
    <row r="104" spans="1:14" ht="18" customHeight="1">
      <c r="D104" s="63" t="s">
        <v>430</v>
      </c>
      <c r="E104" s="63"/>
      <c r="F104" s="63"/>
      <c r="G104" s="63"/>
      <c r="H104" s="64" t="s">
        <v>436</v>
      </c>
      <c r="I104" s="64"/>
      <c r="J104" s="64"/>
    </row>
    <row r="105" spans="1:14" ht="18" customHeight="1">
      <c r="D105" s="63" t="s">
        <v>435</v>
      </c>
      <c r="E105" s="63"/>
      <c r="F105" s="63"/>
      <c r="G105" s="63"/>
      <c r="H105" s="64" t="s">
        <v>431</v>
      </c>
      <c r="I105" s="64"/>
      <c r="J105" s="64"/>
    </row>
    <row r="106" spans="1:14" ht="18" customHeight="1">
      <c r="D106" s="59"/>
      <c r="E106" s="60"/>
      <c r="F106" s="59"/>
      <c r="G106" s="60"/>
      <c r="H106" s="59"/>
      <c r="I106" s="59"/>
      <c r="J106" s="59"/>
    </row>
    <row r="107" spans="1:14" ht="18" customHeight="1">
      <c r="D107" s="61" t="s">
        <v>719</v>
      </c>
      <c r="E107" s="59"/>
      <c r="F107" s="59"/>
      <c r="G107" s="59"/>
      <c r="H107" s="59"/>
      <c r="I107" s="59"/>
      <c r="J107" s="59"/>
    </row>
    <row r="108" spans="1:14" ht="18" customHeight="1">
      <c r="D108" s="61"/>
      <c r="E108" s="59"/>
      <c r="F108" s="59"/>
      <c r="G108" s="59"/>
      <c r="H108" s="59"/>
      <c r="I108" s="59"/>
      <c r="J108" s="59"/>
    </row>
    <row r="109" spans="1:14" ht="18" customHeight="1">
      <c r="D109" s="59"/>
      <c r="E109" s="59"/>
      <c r="G109" s="59"/>
      <c r="H109" s="61" t="s">
        <v>432</v>
      </c>
      <c r="I109" s="59"/>
      <c r="J109" s="59"/>
    </row>
    <row r="110" spans="1:14" ht="18" customHeight="1">
      <c r="E110" s="53"/>
      <c r="G110" s="53"/>
    </row>
    <row r="111" spans="1:14" ht="18" customHeight="1">
      <c r="E111" s="53"/>
      <c r="G111" s="53"/>
    </row>
    <row r="112" spans="1:14" ht="18" customHeight="1">
      <c r="D112" s="54"/>
    </row>
    <row r="113" spans="6:6" ht="18" customHeight="1">
      <c r="F113" s="54"/>
    </row>
  </sheetData>
  <mergeCells count="33">
    <mergeCell ref="M99:N100"/>
    <mergeCell ref="A67:B68"/>
    <mergeCell ref="C67:D68"/>
    <mergeCell ref="E67:F68"/>
    <mergeCell ref="G67:H68"/>
    <mergeCell ref="I67:J68"/>
    <mergeCell ref="K67:L68"/>
    <mergeCell ref="A3:B4"/>
    <mergeCell ref="C3:D4"/>
    <mergeCell ref="E3:F4"/>
    <mergeCell ref="G3:H4"/>
    <mergeCell ref="I3:J4"/>
    <mergeCell ref="A35:B36"/>
    <mergeCell ref="C35:D36"/>
    <mergeCell ref="E35:F36"/>
    <mergeCell ref="G35:H36"/>
    <mergeCell ref="I35:J36"/>
    <mergeCell ref="D104:G104"/>
    <mergeCell ref="H104:J104"/>
    <mergeCell ref="D105:G105"/>
    <mergeCell ref="H105:J105"/>
    <mergeCell ref="M3:N4"/>
    <mergeCell ref="K35:L36"/>
    <mergeCell ref="M35:N36"/>
    <mergeCell ref="K3:L4"/>
    <mergeCell ref="A102:D102"/>
    <mergeCell ref="M67:N68"/>
    <mergeCell ref="A99:B100"/>
    <mergeCell ref="C99:D100"/>
    <mergeCell ref="E99:F100"/>
    <mergeCell ref="G99:H100"/>
    <mergeCell ref="I99:J100"/>
    <mergeCell ref="K99:L100"/>
  </mergeCells>
  <phoneticPr fontId="1"/>
  <pageMargins left="0.39370078740157499" right="0.39370078740157499" top="0.39370078740157499" bottom="0" header="0.1968503937007875" footer="0.1968503937007875"/>
  <pageSetup paperSize="9" pageOrder="overThenDown" orientation="portrait" r:id="rId1"/>
  <rowBreaks count="3" manualBreakCount="3">
    <brk id="32" max="16383" man="1"/>
    <brk id="64" max="16383" man="1"/>
    <brk id="9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01一般会計 (歳入)</vt:lpstr>
      <vt:lpstr>01一般会計（歳出）</vt:lpstr>
      <vt:lpstr>'01一般会計 (歳入)'!Print_Area</vt:lpstr>
      <vt:lpstr>'01一般会計（歳出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5-06-20T08:16:58Z</dcterms:created>
  <dcterms:modified xsi:type="dcterms:W3CDTF">2025-11-17T06:37:28Z</dcterms:modified>
</cp:coreProperties>
</file>